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7472\Documents\"/>
    </mc:Choice>
  </mc:AlternateContent>
  <xr:revisionPtr revIDLastSave="0" documentId="8_{8B7AA6C3-329E-4EEA-B697-691668CE016E}" xr6:coauthVersionLast="47" xr6:coauthVersionMax="47" xr10:uidLastSave="{00000000-0000-0000-0000-000000000000}"/>
  <bookViews>
    <workbookView xWindow="-28920" yWindow="-120" windowWidth="29040" windowHeight="15720" xr2:uid="{A77F222F-6A69-4F2C-9B61-A3AD45B068FD}"/>
  </bookViews>
  <sheets>
    <sheet name="建築工事" sheetId="2" r:id="rId1"/>
  </sheets>
  <definedNames>
    <definedName name="_xlnm.Print_Area" localSheetId="0">建築工事!$A$1:$J$169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174" uniqueCount="71">
  <si>
    <t>参考様式</t>
    <rPh sb="0" eb="4">
      <t>サンコウヨウシキ</t>
    </rPh>
    <phoneticPr fontId="1"/>
  </si>
  <si>
    <t>沖縄市長　○○　○○　様</t>
    <rPh sb="0" eb="4">
      <t>オキナワシチョウ</t>
    </rPh>
    <rPh sb="11" eb="12">
      <t>サマ</t>
    </rPh>
    <phoneticPr fontId="1"/>
  </si>
  <si>
    <t>住所</t>
    <rPh sb="0" eb="2">
      <t>ジュウショ</t>
    </rPh>
    <phoneticPr fontId="1"/>
  </si>
  <si>
    <t>商号又は名称</t>
    <rPh sb="0" eb="3">
      <t>ショウゴウマタ</t>
    </rPh>
    <rPh sb="4" eb="6">
      <t>メイショウ</t>
    </rPh>
    <phoneticPr fontId="1"/>
  </si>
  <si>
    <t>単位</t>
    <rPh sb="0" eb="2">
      <t>タンイ</t>
    </rPh>
    <phoneticPr fontId="1"/>
  </si>
  <si>
    <t>数量</t>
    <rPh sb="0" eb="2">
      <t>スウリョウ</t>
    </rPh>
    <phoneticPr fontId="1"/>
  </si>
  <si>
    <t>金額</t>
    <rPh sb="0" eb="2">
      <t>キンガク</t>
    </rPh>
    <phoneticPr fontId="1"/>
  </si>
  <si>
    <t>…</t>
    <phoneticPr fontId="1"/>
  </si>
  <si>
    <t>直接工事費</t>
    <rPh sb="0" eb="5">
      <t>チョクセツコウジヒ</t>
    </rPh>
    <phoneticPr fontId="1"/>
  </si>
  <si>
    <t>共通仮設費</t>
    <rPh sb="0" eb="5">
      <t>キョウツウカセツヒ</t>
    </rPh>
    <phoneticPr fontId="1"/>
  </si>
  <si>
    <t>現場管理費</t>
    <rPh sb="0" eb="5">
      <t>ゲンバカンリヒ</t>
    </rPh>
    <phoneticPr fontId="1"/>
  </si>
  <si>
    <t>工事価格</t>
    <rPh sb="0" eb="4">
      <t>コウジカカク</t>
    </rPh>
    <phoneticPr fontId="1"/>
  </si>
  <si>
    <t>消費税相当額</t>
    <rPh sb="0" eb="6">
      <t>ショウヒゼイソウトウガク</t>
    </rPh>
    <phoneticPr fontId="1"/>
  </si>
  <si>
    <t>式</t>
    <rPh sb="0" eb="1">
      <t>シキ</t>
    </rPh>
    <phoneticPr fontId="1"/>
  </si>
  <si>
    <t>令和○年○○月○○日</t>
    <rPh sb="0" eb="2">
      <t>レイワ</t>
    </rPh>
    <rPh sb="3" eb="4">
      <t>ネン</t>
    </rPh>
    <rPh sb="6" eb="7">
      <t>ガツ</t>
    </rPh>
    <rPh sb="9" eb="10">
      <t>ニチ</t>
    </rPh>
    <phoneticPr fontId="1"/>
  </si>
  <si>
    <t>代表者　氏名</t>
    <rPh sb="0" eb="2">
      <t>ダイヒョウ</t>
    </rPh>
    <rPh sb="2" eb="3">
      <t>シャ</t>
    </rPh>
    <rPh sb="4" eb="6">
      <t>シメイ</t>
    </rPh>
    <phoneticPr fontId="1"/>
  </si>
  <si>
    <t>工　事　費　内　訳　書</t>
    <rPh sb="0" eb="1">
      <t>コウ</t>
    </rPh>
    <rPh sb="2" eb="3">
      <t>コト</t>
    </rPh>
    <rPh sb="4" eb="5">
      <t>ヒ</t>
    </rPh>
    <rPh sb="6" eb="7">
      <t>ナイ</t>
    </rPh>
    <rPh sb="8" eb="9">
      <t>ヤク</t>
    </rPh>
    <rPh sb="10" eb="11">
      <t>ショ</t>
    </rPh>
    <phoneticPr fontId="1"/>
  </si>
  <si>
    <t>工事名：○○○○工事</t>
    <rPh sb="0" eb="3">
      <t>コウジメイ</t>
    </rPh>
    <rPh sb="8" eb="10">
      <t>コウジ</t>
    </rPh>
    <phoneticPr fontId="1"/>
  </si>
  <si>
    <t>工事費内訳</t>
    <rPh sb="0" eb="3">
      <t>コウジヒ</t>
    </rPh>
    <rPh sb="3" eb="5">
      <t>ウチワケ</t>
    </rPh>
    <phoneticPr fontId="1"/>
  </si>
  <si>
    <t>名称</t>
    <rPh sb="0" eb="2">
      <t>メイショウ</t>
    </rPh>
    <phoneticPr fontId="1"/>
  </si>
  <si>
    <t>備考</t>
    <rPh sb="0" eb="2">
      <t>ビコウ</t>
    </rPh>
    <phoneticPr fontId="1"/>
  </si>
  <si>
    <t>うち材料費</t>
    <rPh sb="2" eb="5">
      <t>ザイリョウヒ</t>
    </rPh>
    <phoneticPr fontId="1"/>
  </si>
  <si>
    <t>うち労務費</t>
    <rPh sb="2" eb="5">
      <t>ロウムヒ</t>
    </rPh>
    <phoneticPr fontId="1"/>
  </si>
  <si>
    <t>計</t>
    <rPh sb="0" eb="1">
      <t>ケイ</t>
    </rPh>
    <phoneticPr fontId="1"/>
  </si>
  <si>
    <t>共通費</t>
    <rPh sb="0" eb="3">
      <t>キョウツウヒ</t>
    </rPh>
    <phoneticPr fontId="1"/>
  </si>
  <si>
    <t>現場仮設費</t>
    <rPh sb="0" eb="5">
      <t>ゲンバカセツヒ</t>
    </rPh>
    <phoneticPr fontId="1"/>
  </si>
  <si>
    <t>うち建退協制度の掛金</t>
    <rPh sb="2" eb="5">
      <t>ケンタイキョウ</t>
    </rPh>
    <rPh sb="5" eb="7">
      <t>セイド</t>
    </rPh>
    <rPh sb="8" eb="10">
      <t>カケキン</t>
    </rPh>
    <phoneticPr fontId="1"/>
  </si>
  <si>
    <t>工事原価のうち安全衛生経費</t>
    <rPh sb="0" eb="4">
      <t>コウジゲンカ</t>
    </rPh>
    <rPh sb="7" eb="11">
      <t>アンゼンエイセイ</t>
    </rPh>
    <rPh sb="11" eb="13">
      <t>ケイヒ</t>
    </rPh>
    <phoneticPr fontId="1"/>
  </si>
  <si>
    <t>工事原価のうち
現場労働者の
法定福利費の
事業主負担額</t>
    <rPh sb="0" eb="4">
      <t>コウジゲンカ</t>
    </rPh>
    <rPh sb="8" eb="13">
      <t>ゲンバロウドウシャ</t>
    </rPh>
    <rPh sb="15" eb="20">
      <t>ホウテイフクリヒ</t>
    </rPh>
    <rPh sb="22" eb="25">
      <t>ジギョウヌシ</t>
    </rPh>
    <rPh sb="25" eb="27">
      <t>フタン</t>
    </rPh>
    <rPh sb="27" eb="28">
      <t>ガク</t>
    </rPh>
    <phoneticPr fontId="1"/>
  </si>
  <si>
    <t>一般管理費等</t>
    <rPh sb="0" eb="6">
      <t>イッパンカンリヒトウ</t>
    </rPh>
    <phoneticPr fontId="1"/>
  </si>
  <si>
    <t>直接工事費　種目別内訳</t>
    <rPh sb="0" eb="5">
      <t>チョクセツコウジヒ</t>
    </rPh>
    <rPh sb="6" eb="9">
      <t>シュモクベツ</t>
    </rPh>
    <rPh sb="9" eb="11">
      <t>ウチワケ</t>
    </rPh>
    <phoneticPr fontId="1"/>
  </si>
  <si>
    <t>適用</t>
    <rPh sb="0" eb="2">
      <t>テキヨウ</t>
    </rPh>
    <phoneticPr fontId="1"/>
  </si>
  <si>
    <t>共通費</t>
    <rPh sb="0" eb="2">
      <t>キョウツウ</t>
    </rPh>
    <rPh sb="2" eb="3">
      <t>ヒ</t>
    </rPh>
    <phoneticPr fontId="1"/>
  </si>
  <si>
    <t>共通仮設費</t>
    <rPh sb="0" eb="2">
      <t>キョウツウ</t>
    </rPh>
    <rPh sb="2" eb="5">
      <t>カセツヒ</t>
    </rPh>
    <phoneticPr fontId="1"/>
  </si>
  <si>
    <t>合計（工事価格）</t>
    <rPh sb="0" eb="2">
      <t>ゴウケイ</t>
    </rPh>
    <rPh sb="3" eb="7">
      <t>コウジカカク</t>
    </rPh>
    <phoneticPr fontId="1"/>
  </si>
  <si>
    <t>総合計（工事費）</t>
    <rPh sb="0" eb="3">
      <t>ソウゴウケイ</t>
    </rPh>
    <rPh sb="4" eb="7">
      <t>コウジヒ</t>
    </rPh>
    <phoneticPr fontId="1"/>
  </si>
  <si>
    <t>Ⅰ　庁舎</t>
    <rPh sb="2" eb="4">
      <t>チョウシャ</t>
    </rPh>
    <phoneticPr fontId="1"/>
  </si>
  <si>
    <t>Ⅱ　囲障</t>
    <rPh sb="2" eb="3">
      <t>カコ</t>
    </rPh>
    <rPh sb="3" eb="4">
      <t>ショウ</t>
    </rPh>
    <phoneticPr fontId="1"/>
  </si>
  <si>
    <t>Ⅲ　構内舗装</t>
    <rPh sb="2" eb="6">
      <t>コウナイホソウ</t>
    </rPh>
    <phoneticPr fontId="1"/>
  </si>
  <si>
    <t>Ⅳ　屋外排水</t>
    <rPh sb="2" eb="4">
      <t>オクガイ</t>
    </rPh>
    <rPh sb="4" eb="6">
      <t>ハイスイ</t>
    </rPh>
    <phoneticPr fontId="1"/>
  </si>
  <si>
    <t>Ⅴ　植栽</t>
    <rPh sb="2" eb="4">
      <t>ショクサイ</t>
    </rPh>
    <phoneticPr fontId="1"/>
  </si>
  <si>
    <t>構造、規模、新築</t>
    <rPh sb="0" eb="2">
      <t>コウゾウ</t>
    </rPh>
    <rPh sb="3" eb="5">
      <t>キボ</t>
    </rPh>
    <rPh sb="6" eb="8">
      <t>シンチク</t>
    </rPh>
    <phoneticPr fontId="1"/>
  </si>
  <si>
    <t>新設</t>
    <rPh sb="0" eb="2">
      <t>シンセツ</t>
    </rPh>
    <phoneticPr fontId="1"/>
  </si>
  <si>
    <t>新植</t>
    <rPh sb="0" eb="1">
      <t>アラタ</t>
    </rPh>
    <rPh sb="1" eb="2">
      <t>ショク</t>
    </rPh>
    <phoneticPr fontId="1"/>
  </si>
  <si>
    <t>直接工事費　科目別内訳</t>
    <rPh sb="0" eb="5">
      <t>チョクセツコウジヒ</t>
    </rPh>
    <rPh sb="6" eb="8">
      <t>カモク</t>
    </rPh>
    <rPh sb="8" eb="9">
      <t>ベツ</t>
    </rPh>
    <rPh sb="9" eb="11">
      <t>ウチワケ</t>
    </rPh>
    <phoneticPr fontId="1"/>
  </si>
  <si>
    <t>1.直接仮設</t>
    <rPh sb="2" eb="6">
      <t>チョクセツカセツ</t>
    </rPh>
    <phoneticPr fontId="1"/>
  </si>
  <si>
    <t>2.土工</t>
    <rPh sb="2" eb="4">
      <t>ドコウ</t>
    </rPh>
    <phoneticPr fontId="1"/>
  </si>
  <si>
    <t>3.地業</t>
    <rPh sb="2" eb="3">
      <t>チ</t>
    </rPh>
    <rPh sb="3" eb="4">
      <t>ワザ</t>
    </rPh>
    <phoneticPr fontId="1"/>
  </si>
  <si>
    <t>4.鉄筋</t>
    <rPh sb="2" eb="4">
      <t>テッキン</t>
    </rPh>
    <phoneticPr fontId="1"/>
  </si>
  <si>
    <t>5.コンクリート</t>
    <phoneticPr fontId="1"/>
  </si>
  <si>
    <t>8.既成コンクリート</t>
    <rPh sb="2" eb="4">
      <t>キセイ</t>
    </rPh>
    <phoneticPr fontId="1"/>
  </si>
  <si>
    <t>6.鉄骨</t>
    <rPh sb="2" eb="4">
      <t>テッコツ</t>
    </rPh>
    <phoneticPr fontId="1"/>
  </si>
  <si>
    <t>7.型枠</t>
    <rPh sb="2" eb="4">
      <t>カタワク</t>
    </rPh>
    <phoneticPr fontId="1"/>
  </si>
  <si>
    <t>直接工事費　中科目別内訳</t>
    <rPh sb="0" eb="5">
      <t>チョクセツコウジヒ</t>
    </rPh>
    <rPh sb="6" eb="7">
      <t>チュウ</t>
    </rPh>
    <rPh sb="7" eb="9">
      <t>カモク</t>
    </rPh>
    <rPh sb="9" eb="10">
      <t>ベツ</t>
    </rPh>
    <rPh sb="10" eb="12">
      <t>ウチワケ</t>
    </rPh>
    <phoneticPr fontId="1"/>
  </si>
  <si>
    <t>(1)地業</t>
    <phoneticPr fontId="1"/>
  </si>
  <si>
    <t>(2)既成ｺﾝｸﾘｰﾄ杭地業</t>
    <rPh sb="3" eb="5">
      <t>キセイ</t>
    </rPh>
    <phoneticPr fontId="1"/>
  </si>
  <si>
    <t>(3)場所打ちｺﾝｸﾘｰﾄ杭
地業</t>
    <rPh sb="3" eb="5">
      <t>バショ</t>
    </rPh>
    <rPh sb="5" eb="6">
      <t>ウ</t>
    </rPh>
    <phoneticPr fontId="1"/>
  </si>
  <si>
    <t>(1)躯体</t>
    <rPh sb="3" eb="5">
      <t>クタイ</t>
    </rPh>
    <phoneticPr fontId="1"/>
  </si>
  <si>
    <t>(2)外部仕上げ</t>
    <rPh sb="3" eb="7">
      <t>ガイブシア</t>
    </rPh>
    <phoneticPr fontId="1"/>
  </si>
  <si>
    <t>(3)内部仕上げ</t>
    <rPh sb="3" eb="5">
      <t>ナイブ</t>
    </rPh>
    <rPh sb="5" eb="7">
      <t>シア</t>
    </rPh>
    <phoneticPr fontId="1"/>
  </si>
  <si>
    <t>直接工事費　細目別内訳</t>
    <rPh sb="0" eb="5">
      <t>チョクセツコウジヒ</t>
    </rPh>
    <rPh sb="6" eb="8">
      <t>サイモク</t>
    </rPh>
    <rPh sb="8" eb="9">
      <t>ベツ</t>
    </rPh>
    <rPh sb="9" eb="11">
      <t>ウチワケ</t>
    </rPh>
    <phoneticPr fontId="1"/>
  </si>
  <si>
    <t>遣方</t>
    <rPh sb="0" eb="1">
      <t>ツカ</t>
    </rPh>
    <rPh sb="1" eb="2">
      <t>カタ</t>
    </rPh>
    <phoneticPr fontId="1"/>
  </si>
  <si>
    <t>墨出し</t>
    <rPh sb="0" eb="2">
      <t>スミダ</t>
    </rPh>
    <phoneticPr fontId="1"/>
  </si>
  <si>
    <t>養生</t>
    <rPh sb="0" eb="2">
      <t>ヨウジョウ</t>
    </rPh>
    <phoneticPr fontId="1"/>
  </si>
  <si>
    <t>生成相互片付け</t>
    <rPh sb="0" eb="6">
      <t>セイセイソウゴカタツ</t>
    </rPh>
    <phoneticPr fontId="1"/>
  </si>
  <si>
    <t>外部足場</t>
    <rPh sb="0" eb="4">
      <t>ガイブアシバ</t>
    </rPh>
    <phoneticPr fontId="1"/>
  </si>
  <si>
    <t>（地足場）</t>
    <rPh sb="1" eb="2">
      <t>ジ</t>
    </rPh>
    <rPh sb="2" eb="4">
      <t>アシバ</t>
    </rPh>
    <phoneticPr fontId="1"/>
  </si>
  <si>
    <t>内部躯体足場</t>
    <rPh sb="0" eb="6">
      <t>ナイブクタイアシバ</t>
    </rPh>
    <phoneticPr fontId="1"/>
  </si>
  <si>
    <t>内部仕上足場</t>
    <rPh sb="0" eb="2">
      <t>ナイブ</t>
    </rPh>
    <rPh sb="2" eb="4">
      <t>シア</t>
    </rPh>
    <rPh sb="4" eb="6">
      <t>アシバ</t>
    </rPh>
    <phoneticPr fontId="1"/>
  </si>
  <si>
    <t>災害防止</t>
    <rPh sb="0" eb="4">
      <t>サイガイボウシ</t>
    </rPh>
    <phoneticPr fontId="1"/>
  </si>
  <si>
    <t>仮設材運搬</t>
    <rPh sb="0" eb="5">
      <t>カセツザイウンパ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4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4"/>
      <color theme="1"/>
      <name val="游ゴシック"/>
      <family val="3"/>
      <charset val="128"/>
      <scheme val="minor"/>
    </font>
    <font>
      <sz val="11"/>
      <color theme="1"/>
      <name val="游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</borders>
  <cellStyleXfs count="1">
    <xf numFmtId="0" fontId="0" fillId="0" borderId="0">
      <alignment vertical="center"/>
    </xf>
  </cellStyleXfs>
  <cellXfs count="32">
    <xf numFmtId="0" fontId="0" fillId="0" borderId="0" xfId="0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>
      <alignment vertical="center"/>
    </xf>
    <xf numFmtId="0" fontId="0" fillId="0" borderId="0" xfId="0" applyAlignment="1">
      <alignment horizontal="right" vertical="center"/>
    </xf>
    <xf numFmtId="0" fontId="0" fillId="0" borderId="1" xfId="0" applyBorder="1" applyAlignment="1">
      <alignment horizontal="center" vertical="center"/>
    </xf>
    <xf numFmtId="0" fontId="0" fillId="0" borderId="1" xfId="0" applyBorder="1">
      <alignment vertical="center"/>
    </xf>
    <xf numFmtId="0" fontId="0" fillId="0" borderId="0" xfId="0" applyBorder="1">
      <alignment vertical="center"/>
    </xf>
    <xf numFmtId="0" fontId="0" fillId="0" borderId="1" xfId="0" applyFont="1" applyBorder="1">
      <alignment vertical="center"/>
    </xf>
    <xf numFmtId="0" fontId="0" fillId="0" borderId="1" xfId="0" applyBorder="1" applyAlignment="1">
      <alignment horizontal="right" vertical="center"/>
    </xf>
    <xf numFmtId="0" fontId="0" fillId="0" borderId="5" xfId="0" applyBorder="1">
      <alignment vertical="center"/>
    </xf>
    <xf numFmtId="0" fontId="0" fillId="0" borderId="5" xfId="0" applyBorder="1" applyAlignment="1">
      <alignment horizontal="right" vertical="center"/>
    </xf>
    <xf numFmtId="0" fontId="0" fillId="0" borderId="1" xfId="0" applyNumberFormat="1" applyBorder="1">
      <alignment vertical="center"/>
    </xf>
    <xf numFmtId="0" fontId="0" fillId="0" borderId="1" xfId="0" applyNumberFormat="1" applyBorder="1" applyAlignment="1">
      <alignment vertical="center" wrapText="1"/>
    </xf>
    <xf numFmtId="0" fontId="3" fillId="0" borderId="1" xfId="0" applyFont="1" applyBorder="1">
      <alignment vertical="center"/>
    </xf>
    <xf numFmtId="0" fontId="0" fillId="0" borderId="4" xfId="0" applyBorder="1">
      <alignment vertical="center"/>
    </xf>
    <xf numFmtId="0" fontId="0" fillId="0" borderId="4" xfId="0" applyBorder="1" applyAlignment="1">
      <alignment horizontal="right" vertical="center"/>
    </xf>
    <xf numFmtId="0" fontId="0" fillId="0" borderId="0" xfId="0" applyBorder="1" applyAlignment="1">
      <alignment horizontal="right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1" xfId="0" applyBorder="1" applyAlignment="1">
      <alignment horizontal="left" vertical="center"/>
    </xf>
    <xf numFmtId="0" fontId="0" fillId="0" borderId="1" xfId="0" applyBorder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2" xfId="0" applyBorder="1" applyAlignment="1">
      <alignment horizontal="left" vertical="center" indent="1"/>
    </xf>
    <xf numFmtId="0" fontId="0" fillId="0" borderId="3" xfId="0" applyBorder="1" applyAlignment="1">
      <alignment horizontal="left" vertical="center" indent="1"/>
    </xf>
    <xf numFmtId="0" fontId="0" fillId="0" borderId="1" xfId="0" applyBorder="1" applyAlignment="1">
      <alignment horizontal="left" vertical="center" wrapText="1" indent="1"/>
    </xf>
    <xf numFmtId="0" fontId="0" fillId="0" borderId="1" xfId="0" applyBorder="1" applyAlignment="1">
      <alignment horizontal="left" vertical="center" indent="1"/>
    </xf>
    <xf numFmtId="0" fontId="0" fillId="0" borderId="4" xfId="0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1" xfId="0" applyBorder="1" applyAlignment="1">
      <alignment horizontal="left" vertical="center" wrapText="1" indent="2"/>
    </xf>
    <xf numFmtId="0" fontId="0" fillId="0" borderId="0" xfId="0" applyAlignment="1">
      <alignment horizontal="left" vertical="center"/>
    </xf>
    <xf numFmtId="0" fontId="2" fillId="0" borderId="0" xfId="0" applyFont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73AD17D-15DA-42A9-97CF-8EE050555DF1}">
  <dimension ref="A1:J170"/>
  <sheetViews>
    <sheetView tabSelected="1" zoomScaleNormal="100" workbookViewId="0">
      <selection activeCell="J141" sqref="J141"/>
    </sheetView>
  </sheetViews>
  <sheetFormatPr defaultRowHeight="18.75" x14ac:dyDescent="0.4"/>
  <cols>
    <col min="4" max="4" width="18.625" customWidth="1"/>
    <col min="5" max="5" width="10.625" customWidth="1"/>
    <col min="9" max="9" width="10.625" customWidth="1"/>
  </cols>
  <sheetData>
    <row r="1" spans="1:10" x14ac:dyDescent="0.4">
      <c r="A1" t="s">
        <v>0</v>
      </c>
    </row>
    <row r="2" spans="1:10" x14ac:dyDescent="0.4">
      <c r="J2" s="3" t="s">
        <v>14</v>
      </c>
    </row>
    <row r="3" spans="1:10" x14ac:dyDescent="0.4">
      <c r="B3" t="s">
        <v>1</v>
      </c>
    </row>
    <row r="4" spans="1:10" x14ac:dyDescent="0.4">
      <c r="H4" t="s">
        <v>2</v>
      </c>
    </row>
    <row r="5" spans="1:10" x14ac:dyDescent="0.4">
      <c r="H5" t="s">
        <v>3</v>
      </c>
    </row>
    <row r="6" spans="1:10" x14ac:dyDescent="0.4">
      <c r="H6" t="s">
        <v>15</v>
      </c>
    </row>
    <row r="8" spans="1:10" x14ac:dyDescent="0.4">
      <c r="C8" s="31" t="s">
        <v>16</v>
      </c>
      <c r="D8" s="31"/>
      <c r="E8" s="31"/>
      <c r="F8" s="31"/>
      <c r="G8" s="31"/>
      <c r="H8" s="31"/>
    </row>
    <row r="9" spans="1:10" x14ac:dyDescent="0.4">
      <c r="C9" s="31"/>
      <c r="D9" s="31"/>
      <c r="E9" s="31"/>
      <c r="F9" s="31"/>
      <c r="G9" s="31"/>
      <c r="H9" s="31"/>
    </row>
    <row r="11" spans="1:10" x14ac:dyDescent="0.4">
      <c r="B11" t="s">
        <v>17</v>
      </c>
    </row>
    <row r="13" spans="1:10" x14ac:dyDescent="0.4">
      <c r="B13" t="s">
        <v>18</v>
      </c>
    </row>
    <row r="14" spans="1:10" x14ac:dyDescent="0.4">
      <c r="B14" s="20"/>
      <c r="C14" s="20"/>
      <c r="D14" s="20"/>
      <c r="E14" s="20"/>
      <c r="F14" s="20"/>
      <c r="G14" s="20"/>
      <c r="H14" s="20"/>
      <c r="I14" s="20"/>
    </row>
    <row r="15" spans="1:10" x14ac:dyDescent="0.4">
      <c r="B15" s="20"/>
      <c r="C15" s="20"/>
      <c r="D15" s="20"/>
      <c r="E15" s="20"/>
      <c r="F15" s="20"/>
      <c r="G15" s="20"/>
      <c r="H15" s="20"/>
      <c r="I15" s="20"/>
    </row>
    <row r="16" spans="1:10" x14ac:dyDescent="0.4">
      <c r="B16" s="20" t="s">
        <v>19</v>
      </c>
      <c r="C16" s="20"/>
      <c r="D16" s="20" t="s">
        <v>5</v>
      </c>
      <c r="E16" s="20" t="s">
        <v>4</v>
      </c>
      <c r="F16" s="20" t="s">
        <v>6</v>
      </c>
      <c r="G16" s="20"/>
      <c r="H16" s="20" t="s">
        <v>20</v>
      </c>
      <c r="I16" s="20"/>
    </row>
    <row r="17" spans="2:9" x14ac:dyDescent="0.4">
      <c r="B17" s="20"/>
      <c r="C17" s="20"/>
      <c r="D17" s="20"/>
      <c r="E17" s="20"/>
      <c r="F17" s="20"/>
      <c r="G17" s="20"/>
      <c r="H17" s="20"/>
      <c r="I17" s="20"/>
    </row>
    <row r="18" spans="2:9" ht="33.950000000000003" customHeight="1" x14ac:dyDescent="0.4">
      <c r="B18" s="19" t="s">
        <v>8</v>
      </c>
      <c r="C18" s="19"/>
      <c r="D18" s="8">
        <v>1</v>
      </c>
      <c r="E18" s="4" t="s">
        <v>13</v>
      </c>
      <c r="F18" s="20"/>
      <c r="G18" s="20"/>
      <c r="H18" s="20"/>
      <c r="I18" s="20"/>
    </row>
    <row r="19" spans="2:9" ht="33.950000000000003" customHeight="1" x14ac:dyDescent="0.4">
      <c r="B19" s="25" t="s">
        <v>21</v>
      </c>
      <c r="C19" s="25"/>
      <c r="D19" s="8">
        <v>1</v>
      </c>
      <c r="E19" s="4" t="s">
        <v>13</v>
      </c>
      <c r="F19" s="20"/>
      <c r="G19" s="20"/>
      <c r="H19" s="20"/>
      <c r="I19" s="20"/>
    </row>
    <row r="20" spans="2:9" ht="33.950000000000003" customHeight="1" x14ac:dyDescent="0.4">
      <c r="B20" s="25" t="s">
        <v>22</v>
      </c>
      <c r="C20" s="25"/>
      <c r="D20" s="8">
        <v>1</v>
      </c>
      <c r="E20" s="4" t="s">
        <v>13</v>
      </c>
      <c r="F20" s="20"/>
      <c r="G20" s="20"/>
      <c r="H20" s="20"/>
      <c r="I20" s="20"/>
    </row>
    <row r="21" spans="2:9" ht="33.950000000000003" customHeight="1" x14ac:dyDescent="0.4">
      <c r="B21" s="20" t="s">
        <v>23</v>
      </c>
      <c r="C21" s="20"/>
      <c r="D21" s="8"/>
      <c r="E21" s="4"/>
      <c r="F21" s="20"/>
      <c r="G21" s="20"/>
      <c r="H21" s="20"/>
      <c r="I21" s="20"/>
    </row>
    <row r="22" spans="2:9" ht="33.950000000000003" customHeight="1" x14ac:dyDescent="0.4">
      <c r="B22" s="19"/>
      <c r="C22" s="19"/>
      <c r="D22" s="8"/>
      <c r="E22" s="4"/>
      <c r="F22" s="20"/>
      <c r="G22" s="20"/>
      <c r="H22" s="20"/>
      <c r="I22" s="20"/>
    </row>
    <row r="23" spans="2:9" ht="33.950000000000003" customHeight="1" x14ac:dyDescent="0.4">
      <c r="B23" s="19" t="s">
        <v>24</v>
      </c>
      <c r="C23" s="19"/>
      <c r="D23" s="8">
        <v>1</v>
      </c>
      <c r="E23" s="4" t="s">
        <v>13</v>
      </c>
      <c r="F23" s="20"/>
      <c r="G23" s="20"/>
      <c r="H23" s="20"/>
      <c r="I23" s="20"/>
    </row>
    <row r="24" spans="2:9" ht="33.950000000000003" customHeight="1" x14ac:dyDescent="0.4">
      <c r="B24" s="25" t="s">
        <v>9</v>
      </c>
      <c r="C24" s="25"/>
      <c r="D24" s="8">
        <v>1</v>
      </c>
      <c r="E24" s="4" t="s">
        <v>13</v>
      </c>
      <c r="F24" s="20"/>
      <c r="G24" s="20"/>
      <c r="H24" s="20"/>
      <c r="I24" s="20"/>
    </row>
    <row r="25" spans="2:9" ht="33.950000000000003" customHeight="1" x14ac:dyDescent="0.4">
      <c r="B25" s="25" t="s">
        <v>25</v>
      </c>
      <c r="C25" s="25"/>
      <c r="D25" s="8">
        <v>1</v>
      </c>
      <c r="E25" s="4" t="s">
        <v>13</v>
      </c>
      <c r="F25" s="20"/>
      <c r="G25" s="20"/>
      <c r="H25" s="20"/>
      <c r="I25" s="20"/>
    </row>
    <row r="26" spans="2:9" ht="33.950000000000003" customHeight="1" x14ac:dyDescent="0.4">
      <c r="B26" s="29" t="s">
        <v>26</v>
      </c>
      <c r="C26" s="29"/>
      <c r="D26" s="8">
        <v>1</v>
      </c>
      <c r="E26" s="4" t="s">
        <v>13</v>
      </c>
      <c r="F26" s="20"/>
      <c r="G26" s="20"/>
      <c r="H26" s="20"/>
      <c r="I26" s="20"/>
    </row>
    <row r="27" spans="2:9" ht="68.099999999999994" customHeight="1" x14ac:dyDescent="0.4">
      <c r="B27" s="29" t="s">
        <v>28</v>
      </c>
      <c r="C27" s="29"/>
      <c r="D27" s="8">
        <v>1</v>
      </c>
      <c r="E27" s="4" t="s">
        <v>13</v>
      </c>
      <c r="F27" s="20"/>
      <c r="G27" s="20"/>
      <c r="H27" s="20"/>
      <c r="I27" s="20"/>
    </row>
    <row r="28" spans="2:9" ht="33.950000000000003" customHeight="1" x14ac:dyDescent="0.4">
      <c r="B28" s="29" t="s">
        <v>27</v>
      </c>
      <c r="C28" s="29"/>
      <c r="D28" s="8">
        <v>1</v>
      </c>
      <c r="E28" s="4" t="s">
        <v>13</v>
      </c>
      <c r="F28" s="20"/>
      <c r="G28" s="20"/>
      <c r="H28" s="20"/>
      <c r="I28" s="20"/>
    </row>
    <row r="29" spans="2:9" ht="33.950000000000003" customHeight="1" x14ac:dyDescent="0.4">
      <c r="B29" s="24" t="s">
        <v>29</v>
      </c>
      <c r="C29" s="24"/>
      <c r="D29" s="8">
        <v>1</v>
      </c>
      <c r="E29" s="4" t="s">
        <v>13</v>
      </c>
      <c r="F29" s="20"/>
      <c r="G29" s="20"/>
      <c r="H29" s="20"/>
      <c r="I29" s="20"/>
    </row>
    <row r="30" spans="2:9" ht="33.950000000000003" customHeight="1" x14ac:dyDescent="0.4">
      <c r="B30" s="20" t="s">
        <v>23</v>
      </c>
      <c r="C30" s="20"/>
      <c r="D30" s="8"/>
      <c r="E30" s="4"/>
      <c r="F30" s="20"/>
      <c r="G30" s="20"/>
      <c r="H30" s="20"/>
      <c r="I30" s="20"/>
    </row>
    <row r="31" spans="2:9" ht="33.950000000000003" customHeight="1" x14ac:dyDescent="0.4">
      <c r="B31" s="19" t="s">
        <v>11</v>
      </c>
      <c r="C31" s="19"/>
      <c r="D31" s="8">
        <v>1</v>
      </c>
      <c r="E31" s="4" t="s">
        <v>13</v>
      </c>
      <c r="F31" s="20"/>
      <c r="G31" s="20"/>
      <c r="H31" s="20"/>
      <c r="I31" s="20"/>
    </row>
    <row r="32" spans="2:9" ht="33.950000000000003" customHeight="1" x14ac:dyDescent="0.4">
      <c r="B32" s="19"/>
      <c r="C32" s="19"/>
      <c r="D32" s="8"/>
      <c r="E32" s="4"/>
      <c r="F32" s="20"/>
      <c r="G32" s="20"/>
      <c r="H32" s="20"/>
      <c r="I32" s="20"/>
    </row>
    <row r="33" spans="2:9" ht="33.950000000000003" customHeight="1" x14ac:dyDescent="0.4">
      <c r="B33" s="30"/>
      <c r="C33" s="30"/>
      <c r="D33" s="1"/>
      <c r="E33" s="1"/>
      <c r="F33" s="21"/>
      <c r="G33" s="21"/>
      <c r="H33" s="21"/>
      <c r="I33" s="21"/>
    </row>
    <row r="34" spans="2:9" ht="18.75" customHeight="1" x14ac:dyDescent="0.4">
      <c r="B34" s="2" t="s">
        <v>30</v>
      </c>
      <c r="C34" s="2"/>
      <c r="D34" s="2"/>
      <c r="E34" s="2"/>
      <c r="F34" s="2"/>
      <c r="G34" s="2"/>
      <c r="H34" s="2"/>
      <c r="I34" s="2"/>
    </row>
    <row r="35" spans="2:9" ht="18.75" customHeight="1" x14ac:dyDescent="0.4">
      <c r="B35" s="20"/>
      <c r="C35" s="20"/>
      <c r="D35" s="20"/>
      <c r="E35" s="20"/>
      <c r="F35" s="20"/>
      <c r="G35" s="20"/>
      <c r="H35" s="20"/>
      <c r="I35" s="20"/>
    </row>
    <row r="36" spans="2:9" ht="18.75" customHeight="1" x14ac:dyDescent="0.4">
      <c r="B36" s="20"/>
      <c r="C36" s="20"/>
      <c r="D36" s="20"/>
      <c r="E36" s="20"/>
      <c r="F36" s="20"/>
      <c r="G36" s="20"/>
      <c r="H36" s="20"/>
      <c r="I36" s="20"/>
    </row>
    <row r="37" spans="2:9" ht="18.75" customHeight="1" x14ac:dyDescent="0.4">
      <c r="B37" s="20" t="s">
        <v>19</v>
      </c>
      <c r="C37" s="20"/>
      <c r="D37" s="20" t="s">
        <v>31</v>
      </c>
      <c r="E37" s="20" t="s">
        <v>5</v>
      </c>
      <c r="F37" s="20" t="s">
        <v>4</v>
      </c>
      <c r="G37" s="20" t="s">
        <v>6</v>
      </c>
      <c r="H37" s="20"/>
      <c r="I37" s="20" t="s">
        <v>20</v>
      </c>
    </row>
    <row r="38" spans="2:9" ht="18.75" customHeight="1" x14ac:dyDescent="0.4">
      <c r="B38" s="20"/>
      <c r="C38" s="20"/>
      <c r="D38" s="20"/>
      <c r="E38" s="20"/>
      <c r="F38" s="20"/>
      <c r="G38" s="20"/>
      <c r="H38" s="20"/>
      <c r="I38" s="20"/>
    </row>
    <row r="39" spans="2:9" ht="30" customHeight="1" x14ac:dyDescent="0.4">
      <c r="B39" s="17" t="s">
        <v>8</v>
      </c>
      <c r="C39" s="18"/>
      <c r="D39" s="5"/>
      <c r="E39" s="8"/>
      <c r="F39" s="5"/>
      <c r="G39" s="17"/>
      <c r="H39" s="18"/>
      <c r="I39" s="5"/>
    </row>
    <row r="40" spans="2:9" ht="30" customHeight="1" x14ac:dyDescent="0.4">
      <c r="B40" s="25" t="s">
        <v>36</v>
      </c>
      <c r="C40" s="25"/>
      <c r="D40" s="7" t="s">
        <v>41</v>
      </c>
      <c r="E40" s="8">
        <v>1</v>
      </c>
      <c r="F40" s="4" t="s">
        <v>13</v>
      </c>
      <c r="G40" s="20"/>
      <c r="H40" s="20"/>
      <c r="I40" s="5"/>
    </row>
    <row r="41" spans="2:9" ht="30" customHeight="1" x14ac:dyDescent="0.4">
      <c r="B41" s="25" t="s">
        <v>37</v>
      </c>
      <c r="C41" s="25"/>
      <c r="D41" s="5" t="s">
        <v>42</v>
      </c>
      <c r="E41" s="8">
        <v>1</v>
      </c>
      <c r="F41" s="4" t="s">
        <v>13</v>
      </c>
      <c r="G41" s="20"/>
      <c r="H41" s="20"/>
      <c r="I41" s="5"/>
    </row>
    <row r="42" spans="2:9" ht="30" customHeight="1" x14ac:dyDescent="0.4">
      <c r="B42" s="25" t="s">
        <v>38</v>
      </c>
      <c r="C42" s="25"/>
      <c r="D42" s="5" t="s">
        <v>42</v>
      </c>
      <c r="E42" s="8">
        <v>1</v>
      </c>
      <c r="F42" s="4" t="s">
        <v>13</v>
      </c>
      <c r="G42" s="20"/>
      <c r="H42" s="20"/>
      <c r="I42" s="5"/>
    </row>
    <row r="43" spans="2:9" ht="30" customHeight="1" x14ac:dyDescent="0.4">
      <c r="B43" s="25" t="s">
        <v>39</v>
      </c>
      <c r="C43" s="25"/>
      <c r="D43" s="5" t="s">
        <v>42</v>
      </c>
      <c r="E43" s="8">
        <v>1</v>
      </c>
      <c r="F43" s="4" t="s">
        <v>13</v>
      </c>
      <c r="G43" s="20"/>
      <c r="H43" s="20"/>
      <c r="I43" s="5"/>
    </row>
    <row r="44" spans="2:9" ht="30" customHeight="1" x14ac:dyDescent="0.4">
      <c r="B44" s="25" t="s">
        <v>40</v>
      </c>
      <c r="C44" s="25"/>
      <c r="D44" s="5" t="s">
        <v>43</v>
      </c>
      <c r="E44" s="8">
        <v>1</v>
      </c>
      <c r="F44" s="4" t="s">
        <v>13</v>
      </c>
      <c r="G44" s="20"/>
      <c r="H44" s="20"/>
      <c r="I44" s="5"/>
    </row>
    <row r="45" spans="2:9" ht="30" customHeight="1" x14ac:dyDescent="0.4">
      <c r="B45" s="17" t="s">
        <v>23</v>
      </c>
      <c r="C45" s="18"/>
      <c r="D45" s="5"/>
      <c r="E45" s="8"/>
      <c r="F45" s="4"/>
      <c r="G45" s="20"/>
      <c r="H45" s="20"/>
      <c r="I45" s="5"/>
    </row>
    <row r="46" spans="2:9" ht="30" customHeight="1" x14ac:dyDescent="0.4">
      <c r="B46" s="17"/>
      <c r="C46" s="18"/>
      <c r="D46" s="5"/>
      <c r="E46" s="8"/>
      <c r="F46" s="4"/>
      <c r="G46" s="20"/>
      <c r="H46" s="20"/>
      <c r="I46" s="5"/>
    </row>
    <row r="47" spans="2:9" ht="30" customHeight="1" x14ac:dyDescent="0.4">
      <c r="B47" s="17" t="s">
        <v>32</v>
      </c>
      <c r="C47" s="18"/>
      <c r="D47" s="5"/>
      <c r="E47" s="8"/>
      <c r="F47" s="4"/>
      <c r="G47" s="20"/>
      <c r="H47" s="20"/>
      <c r="I47" s="5"/>
    </row>
    <row r="48" spans="2:9" ht="30" customHeight="1" x14ac:dyDescent="0.4">
      <c r="B48" s="22" t="s">
        <v>33</v>
      </c>
      <c r="C48" s="23"/>
      <c r="D48" s="5"/>
      <c r="E48" s="8">
        <v>1</v>
      </c>
      <c r="F48" s="4" t="s">
        <v>13</v>
      </c>
      <c r="G48" s="20"/>
      <c r="H48" s="20"/>
      <c r="I48" s="5"/>
    </row>
    <row r="49" spans="2:9" ht="30" customHeight="1" x14ac:dyDescent="0.4">
      <c r="B49" s="22" t="s">
        <v>10</v>
      </c>
      <c r="C49" s="23"/>
      <c r="D49" s="5"/>
      <c r="E49" s="8">
        <v>1</v>
      </c>
      <c r="F49" s="4" t="s">
        <v>13</v>
      </c>
      <c r="G49" s="20"/>
      <c r="H49" s="20"/>
      <c r="I49" s="5"/>
    </row>
    <row r="50" spans="2:9" ht="30" customHeight="1" x14ac:dyDescent="0.4">
      <c r="B50" s="29" t="s">
        <v>26</v>
      </c>
      <c r="C50" s="29"/>
      <c r="D50" s="5"/>
      <c r="E50" s="8">
        <v>1</v>
      </c>
      <c r="F50" s="4" t="s">
        <v>13</v>
      </c>
      <c r="G50" s="20"/>
      <c r="H50" s="20"/>
      <c r="I50" s="5"/>
    </row>
    <row r="51" spans="2:9" ht="68.099999999999994" customHeight="1" x14ac:dyDescent="0.4">
      <c r="B51" s="29" t="s">
        <v>28</v>
      </c>
      <c r="C51" s="29"/>
      <c r="D51" s="5"/>
      <c r="E51" s="8">
        <v>1</v>
      </c>
      <c r="F51" s="4" t="s">
        <v>13</v>
      </c>
      <c r="G51" s="20"/>
      <c r="H51" s="20"/>
      <c r="I51" s="5"/>
    </row>
    <row r="52" spans="2:9" ht="30" customHeight="1" x14ac:dyDescent="0.4">
      <c r="B52" s="29" t="s">
        <v>27</v>
      </c>
      <c r="C52" s="29"/>
      <c r="D52" s="5"/>
      <c r="E52" s="8">
        <v>1</v>
      </c>
      <c r="F52" s="4" t="s">
        <v>13</v>
      </c>
      <c r="G52" s="20"/>
      <c r="H52" s="20"/>
      <c r="I52" s="5"/>
    </row>
    <row r="53" spans="2:9" ht="30" customHeight="1" x14ac:dyDescent="0.4">
      <c r="B53" s="24" t="s">
        <v>29</v>
      </c>
      <c r="C53" s="24"/>
      <c r="D53" s="5"/>
      <c r="E53" s="8">
        <v>1</v>
      </c>
      <c r="F53" s="4" t="s">
        <v>13</v>
      </c>
      <c r="G53" s="20"/>
      <c r="H53" s="20"/>
      <c r="I53" s="5"/>
    </row>
    <row r="54" spans="2:9" ht="30" customHeight="1" x14ac:dyDescent="0.4">
      <c r="B54" s="20" t="s">
        <v>23</v>
      </c>
      <c r="C54" s="20"/>
      <c r="D54" s="5"/>
      <c r="E54" s="8"/>
      <c r="F54" s="4"/>
      <c r="G54" s="20"/>
      <c r="H54" s="20"/>
      <c r="I54" s="5"/>
    </row>
    <row r="55" spans="2:9" ht="30" customHeight="1" x14ac:dyDescent="0.4">
      <c r="B55" s="20"/>
      <c r="C55" s="20"/>
      <c r="D55" s="5"/>
      <c r="E55" s="8"/>
      <c r="F55" s="5"/>
      <c r="G55" s="20"/>
      <c r="H55" s="20"/>
      <c r="I55" s="5"/>
    </row>
    <row r="56" spans="2:9" ht="30" customHeight="1" x14ac:dyDescent="0.4">
      <c r="B56" s="20" t="s">
        <v>34</v>
      </c>
      <c r="C56" s="20"/>
      <c r="D56" s="5"/>
      <c r="E56" s="8"/>
      <c r="F56" s="5"/>
      <c r="G56" s="20"/>
      <c r="H56" s="20"/>
      <c r="I56" s="5"/>
    </row>
    <row r="57" spans="2:9" ht="30" customHeight="1" x14ac:dyDescent="0.4">
      <c r="B57" s="20"/>
      <c r="C57" s="20"/>
      <c r="D57" s="5"/>
      <c r="E57" s="8"/>
      <c r="F57" s="5"/>
      <c r="G57" s="20"/>
      <c r="H57" s="20"/>
      <c r="I57" s="5"/>
    </row>
    <row r="58" spans="2:9" ht="30" customHeight="1" x14ac:dyDescent="0.4">
      <c r="B58" s="20" t="s">
        <v>12</v>
      </c>
      <c r="C58" s="20"/>
      <c r="D58" s="5"/>
      <c r="E58" s="8"/>
      <c r="F58" s="5"/>
      <c r="G58" s="20"/>
      <c r="H58" s="20"/>
      <c r="I58" s="5"/>
    </row>
    <row r="59" spans="2:9" ht="30" customHeight="1" x14ac:dyDescent="0.4">
      <c r="B59" s="20"/>
      <c r="C59" s="20"/>
      <c r="D59" s="5"/>
      <c r="E59" s="8"/>
      <c r="F59" s="5"/>
      <c r="G59" s="20"/>
      <c r="H59" s="20"/>
      <c r="I59" s="5"/>
    </row>
    <row r="60" spans="2:9" ht="30" customHeight="1" x14ac:dyDescent="0.4">
      <c r="B60" s="20"/>
      <c r="C60" s="20"/>
      <c r="D60" s="5"/>
      <c r="E60" s="8"/>
      <c r="F60" s="5"/>
      <c r="G60" s="20"/>
      <c r="H60" s="20"/>
      <c r="I60" s="5"/>
    </row>
    <row r="61" spans="2:9" ht="30" customHeight="1" x14ac:dyDescent="0.4">
      <c r="B61" s="20" t="s">
        <v>35</v>
      </c>
      <c r="C61" s="20"/>
      <c r="D61" s="5"/>
      <c r="E61" s="8"/>
      <c r="F61" s="5"/>
      <c r="G61" s="20"/>
      <c r="H61" s="20"/>
      <c r="I61" s="5"/>
    </row>
    <row r="62" spans="2:9" ht="30" customHeight="1" x14ac:dyDescent="0.4">
      <c r="B62" s="20"/>
      <c r="C62" s="20"/>
      <c r="D62" s="5"/>
      <c r="E62" s="8"/>
      <c r="F62" s="5"/>
      <c r="G62" s="20"/>
      <c r="H62" s="20"/>
      <c r="I62" s="5"/>
    </row>
    <row r="63" spans="2:9" ht="33.950000000000003" customHeight="1" x14ac:dyDescent="0.4">
      <c r="B63" s="20"/>
      <c r="C63" s="20"/>
      <c r="D63" s="5"/>
      <c r="E63" s="8"/>
      <c r="F63" s="5"/>
      <c r="G63" s="20"/>
      <c r="H63" s="20"/>
      <c r="I63" s="5"/>
    </row>
    <row r="64" spans="2:9" ht="33.950000000000003" customHeight="1" x14ac:dyDescent="0.4"/>
    <row r="65" spans="2:9" ht="18.75" customHeight="1" x14ac:dyDescent="0.4">
      <c r="B65" s="2" t="s">
        <v>44</v>
      </c>
      <c r="C65" s="2"/>
      <c r="D65" s="2"/>
      <c r="E65" s="2"/>
      <c r="F65" s="2"/>
      <c r="G65" s="2"/>
      <c r="H65" s="2"/>
      <c r="I65" s="2"/>
    </row>
    <row r="66" spans="2:9" ht="18.75" customHeight="1" x14ac:dyDescent="0.4">
      <c r="B66" s="20"/>
      <c r="C66" s="20"/>
      <c r="D66" s="20"/>
      <c r="E66" s="20"/>
      <c r="F66" s="20"/>
      <c r="G66" s="20"/>
      <c r="H66" s="20"/>
      <c r="I66" s="20"/>
    </row>
    <row r="67" spans="2:9" ht="18.75" customHeight="1" x14ac:dyDescent="0.4">
      <c r="B67" s="20"/>
      <c r="C67" s="20"/>
      <c r="D67" s="20"/>
      <c r="E67" s="20"/>
      <c r="F67" s="20"/>
      <c r="G67" s="20"/>
      <c r="H67" s="20"/>
      <c r="I67" s="20"/>
    </row>
    <row r="68" spans="2:9" ht="18.75" customHeight="1" x14ac:dyDescent="0.4">
      <c r="B68" s="20" t="s">
        <v>19</v>
      </c>
      <c r="C68" s="20"/>
      <c r="D68" s="20" t="s">
        <v>31</v>
      </c>
      <c r="E68" s="20" t="s">
        <v>5</v>
      </c>
      <c r="F68" s="20" t="s">
        <v>4</v>
      </c>
      <c r="G68" s="20" t="s">
        <v>6</v>
      </c>
      <c r="H68" s="20"/>
      <c r="I68" s="20" t="s">
        <v>20</v>
      </c>
    </row>
    <row r="69" spans="2:9" ht="18.75" customHeight="1" x14ac:dyDescent="0.4">
      <c r="B69" s="20"/>
      <c r="C69" s="20"/>
      <c r="D69" s="20"/>
      <c r="E69" s="20"/>
      <c r="F69" s="20"/>
      <c r="G69" s="20"/>
      <c r="H69" s="20"/>
      <c r="I69" s="20"/>
    </row>
    <row r="70" spans="2:9" ht="30" customHeight="1" x14ac:dyDescent="0.4">
      <c r="B70" s="19" t="s">
        <v>36</v>
      </c>
      <c r="C70" s="19"/>
      <c r="D70" s="7"/>
      <c r="E70" s="8"/>
      <c r="F70" s="4"/>
      <c r="G70" s="20"/>
      <c r="H70" s="20"/>
      <c r="I70" s="5"/>
    </row>
    <row r="71" spans="2:9" ht="30" customHeight="1" x14ac:dyDescent="0.4">
      <c r="B71" s="25" t="s">
        <v>45</v>
      </c>
      <c r="C71" s="25"/>
      <c r="D71" s="5"/>
      <c r="E71" s="8">
        <v>1</v>
      </c>
      <c r="F71" s="4" t="s">
        <v>13</v>
      </c>
      <c r="G71" s="20"/>
      <c r="H71" s="20"/>
      <c r="I71" s="5"/>
    </row>
    <row r="72" spans="2:9" ht="30" customHeight="1" x14ac:dyDescent="0.4">
      <c r="B72" s="25" t="s">
        <v>46</v>
      </c>
      <c r="C72" s="25"/>
      <c r="D72" s="5"/>
      <c r="E72" s="8">
        <v>1</v>
      </c>
      <c r="F72" s="4" t="s">
        <v>13</v>
      </c>
      <c r="G72" s="20"/>
      <c r="H72" s="20"/>
      <c r="I72" s="5"/>
    </row>
    <row r="73" spans="2:9" ht="30" customHeight="1" x14ac:dyDescent="0.4">
      <c r="B73" s="25" t="s">
        <v>47</v>
      </c>
      <c r="C73" s="25"/>
      <c r="D73" s="5"/>
      <c r="E73" s="8">
        <v>1</v>
      </c>
      <c r="F73" s="4" t="s">
        <v>13</v>
      </c>
      <c r="G73" s="20"/>
      <c r="H73" s="20"/>
      <c r="I73" s="5"/>
    </row>
    <row r="74" spans="2:9" ht="30" customHeight="1" x14ac:dyDescent="0.4">
      <c r="B74" s="25" t="s">
        <v>48</v>
      </c>
      <c r="C74" s="25"/>
      <c r="D74" s="5"/>
      <c r="E74" s="8">
        <v>1</v>
      </c>
      <c r="F74" s="4" t="s">
        <v>13</v>
      </c>
      <c r="G74" s="20"/>
      <c r="H74" s="20"/>
      <c r="I74" s="5"/>
    </row>
    <row r="75" spans="2:9" ht="30" customHeight="1" x14ac:dyDescent="0.4">
      <c r="B75" s="25" t="s">
        <v>49</v>
      </c>
      <c r="C75" s="25"/>
      <c r="D75" s="5"/>
      <c r="E75" s="8">
        <v>1</v>
      </c>
      <c r="F75" s="4" t="s">
        <v>13</v>
      </c>
      <c r="G75" s="20"/>
      <c r="H75" s="20"/>
      <c r="I75" s="5"/>
    </row>
    <row r="76" spans="2:9" ht="30" customHeight="1" x14ac:dyDescent="0.4">
      <c r="B76" s="25" t="s">
        <v>51</v>
      </c>
      <c r="C76" s="25"/>
      <c r="D76" s="5"/>
      <c r="E76" s="8">
        <v>1</v>
      </c>
      <c r="F76" s="4" t="s">
        <v>13</v>
      </c>
      <c r="G76" s="20"/>
      <c r="H76" s="20"/>
      <c r="I76" s="5"/>
    </row>
    <row r="77" spans="2:9" ht="30" customHeight="1" x14ac:dyDescent="0.4">
      <c r="B77" s="25" t="s">
        <v>52</v>
      </c>
      <c r="C77" s="25"/>
      <c r="D77" s="5"/>
      <c r="E77" s="8">
        <v>1</v>
      </c>
      <c r="F77" s="4" t="s">
        <v>13</v>
      </c>
      <c r="G77" s="20"/>
      <c r="H77" s="20"/>
      <c r="I77" s="5"/>
    </row>
    <row r="78" spans="2:9" ht="30" customHeight="1" x14ac:dyDescent="0.4">
      <c r="B78" s="25" t="s">
        <v>50</v>
      </c>
      <c r="C78" s="25"/>
      <c r="D78" s="5"/>
      <c r="E78" s="8">
        <v>1</v>
      </c>
      <c r="F78" s="4" t="s">
        <v>13</v>
      </c>
      <c r="G78" s="20"/>
      <c r="H78" s="20"/>
      <c r="I78" s="5"/>
    </row>
    <row r="79" spans="2:9" ht="30" customHeight="1" x14ac:dyDescent="0.4">
      <c r="B79" s="17" t="s">
        <v>7</v>
      </c>
      <c r="C79" s="18"/>
      <c r="D79" s="5"/>
      <c r="E79" s="8"/>
      <c r="F79" s="4"/>
      <c r="G79" s="20"/>
      <c r="H79" s="20"/>
      <c r="I79" s="5"/>
    </row>
    <row r="80" spans="2:9" ht="30" customHeight="1" x14ac:dyDescent="0.4">
      <c r="B80" s="29"/>
      <c r="C80" s="29"/>
      <c r="D80" s="5"/>
      <c r="E80" s="8"/>
      <c r="F80" s="4"/>
      <c r="G80" s="20"/>
      <c r="H80" s="20"/>
      <c r="I80" s="5"/>
    </row>
    <row r="81" spans="2:9" ht="30" customHeight="1" x14ac:dyDescent="0.4">
      <c r="B81" s="29"/>
      <c r="C81" s="29"/>
      <c r="D81" s="5"/>
      <c r="E81" s="8"/>
      <c r="F81" s="4"/>
      <c r="G81" s="20"/>
      <c r="H81" s="20"/>
      <c r="I81" s="5"/>
    </row>
    <row r="82" spans="2:9" ht="30" customHeight="1" x14ac:dyDescent="0.4">
      <c r="B82" s="29"/>
      <c r="C82" s="29"/>
      <c r="D82" s="5"/>
      <c r="E82" s="8"/>
      <c r="F82" s="4"/>
      <c r="G82" s="20"/>
      <c r="H82" s="20"/>
      <c r="I82" s="5"/>
    </row>
    <row r="83" spans="2:9" ht="30" customHeight="1" x14ac:dyDescent="0.4">
      <c r="B83" s="24"/>
      <c r="C83" s="24"/>
      <c r="D83" s="5"/>
      <c r="E83" s="8"/>
      <c r="F83" s="4"/>
      <c r="G83" s="20"/>
      <c r="H83" s="20"/>
      <c r="I83" s="5"/>
    </row>
    <row r="84" spans="2:9" ht="30" customHeight="1" x14ac:dyDescent="0.4">
      <c r="B84" s="20"/>
      <c r="C84" s="20"/>
      <c r="D84" s="5"/>
      <c r="E84" s="8"/>
      <c r="F84" s="4"/>
      <c r="G84" s="20"/>
      <c r="H84" s="20"/>
      <c r="I84" s="5"/>
    </row>
    <row r="85" spans="2:9" ht="30" customHeight="1" x14ac:dyDescent="0.4">
      <c r="B85" s="20"/>
      <c r="C85" s="20"/>
      <c r="D85" s="5"/>
      <c r="E85" s="8"/>
      <c r="F85" s="5"/>
      <c r="G85" s="20"/>
      <c r="H85" s="20"/>
      <c r="I85" s="5"/>
    </row>
    <row r="86" spans="2:9" ht="30" customHeight="1" x14ac:dyDescent="0.4">
      <c r="B86" s="20"/>
      <c r="C86" s="20"/>
      <c r="D86" s="5"/>
      <c r="E86" s="8"/>
      <c r="F86" s="5"/>
      <c r="G86" s="20"/>
      <c r="H86" s="20"/>
      <c r="I86" s="5"/>
    </row>
    <row r="87" spans="2:9" ht="30" customHeight="1" x14ac:dyDescent="0.4">
      <c r="B87" s="20"/>
      <c r="C87" s="20"/>
      <c r="D87" s="5"/>
      <c r="E87" s="8"/>
      <c r="F87" s="5"/>
      <c r="G87" s="20"/>
      <c r="H87" s="20"/>
      <c r="I87" s="5"/>
    </row>
    <row r="88" spans="2:9" ht="30" customHeight="1" x14ac:dyDescent="0.4">
      <c r="B88" s="20"/>
      <c r="C88" s="20"/>
      <c r="D88" s="5"/>
      <c r="E88" s="8"/>
      <c r="F88" s="5"/>
      <c r="G88" s="20"/>
      <c r="H88" s="20"/>
      <c r="I88" s="5"/>
    </row>
    <row r="89" spans="2:9" ht="30" customHeight="1" x14ac:dyDescent="0.4">
      <c r="B89" s="20"/>
      <c r="C89" s="20"/>
      <c r="D89" s="5"/>
      <c r="E89" s="8"/>
      <c r="F89" s="5"/>
      <c r="G89" s="20"/>
      <c r="H89" s="20"/>
      <c r="I89" s="5"/>
    </row>
    <row r="90" spans="2:9" ht="30" customHeight="1" x14ac:dyDescent="0.4">
      <c r="B90" s="20"/>
      <c r="C90" s="20"/>
      <c r="D90" s="5"/>
      <c r="E90" s="8"/>
      <c r="F90" s="5"/>
      <c r="G90" s="20"/>
      <c r="H90" s="20"/>
      <c r="I90" s="5"/>
    </row>
    <row r="91" spans="2:9" ht="30" customHeight="1" x14ac:dyDescent="0.4">
      <c r="B91" s="20"/>
      <c r="C91" s="20"/>
      <c r="D91" s="5"/>
      <c r="E91" s="8"/>
      <c r="F91" s="5"/>
      <c r="G91" s="20"/>
      <c r="H91" s="20"/>
      <c r="I91" s="5"/>
    </row>
    <row r="92" spans="2:9" ht="30" customHeight="1" x14ac:dyDescent="0.4">
      <c r="B92" s="20"/>
      <c r="C92" s="20"/>
      <c r="D92" s="5"/>
      <c r="E92" s="8"/>
      <c r="F92" s="5"/>
      <c r="G92" s="20"/>
      <c r="H92" s="20"/>
      <c r="I92" s="5"/>
    </row>
    <row r="93" spans="2:9" ht="30" customHeight="1" x14ac:dyDescent="0.4">
      <c r="B93" s="20"/>
      <c r="C93" s="20"/>
      <c r="D93" s="5"/>
      <c r="E93" s="8"/>
      <c r="F93" s="5"/>
      <c r="G93" s="20"/>
      <c r="H93" s="20"/>
      <c r="I93" s="5"/>
    </row>
    <row r="94" spans="2:9" ht="30" customHeight="1" x14ac:dyDescent="0.4">
      <c r="B94" s="20"/>
      <c r="C94" s="20"/>
      <c r="D94" s="5"/>
      <c r="E94" s="8"/>
      <c r="F94" s="5"/>
      <c r="G94" s="20"/>
      <c r="H94" s="20"/>
      <c r="I94" s="5"/>
    </row>
    <row r="95" spans="2:9" ht="30" customHeight="1" x14ac:dyDescent="0.4">
      <c r="B95" s="20"/>
      <c r="C95" s="20"/>
      <c r="D95" s="5"/>
      <c r="E95" s="8"/>
      <c r="F95" s="5"/>
      <c r="G95" s="20"/>
      <c r="H95" s="20"/>
      <c r="I95" s="5"/>
    </row>
    <row r="96" spans="2:9" ht="30" customHeight="1" x14ac:dyDescent="0.4">
      <c r="B96" s="20"/>
      <c r="C96" s="20"/>
      <c r="D96" s="5"/>
      <c r="E96" s="8"/>
      <c r="F96" s="5"/>
      <c r="G96" s="20"/>
      <c r="H96" s="20"/>
      <c r="I96" s="5"/>
    </row>
    <row r="97" spans="2:9" ht="30" customHeight="1" x14ac:dyDescent="0.4">
      <c r="B97" s="20"/>
      <c r="C97" s="20"/>
      <c r="D97" s="5"/>
      <c r="E97" s="8"/>
      <c r="F97" s="5"/>
      <c r="G97" s="20"/>
      <c r="H97" s="20"/>
      <c r="I97" s="5"/>
    </row>
    <row r="98" spans="2:9" ht="30" customHeight="1" x14ac:dyDescent="0.4">
      <c r="B98" s="20"/>
      <c r="C98" s="20"/>
      <c r="D98" s="5"/>
      <c r="E98" s="8"/>
      <c r="F98" s="5"/>
      <c r="G98" s="20"/>
      <c r="H98" s="20"/>
      <c r="I98" s="5"/>
    </row>
    <row r="99" spans="2:9" ht="30" customHeight="1" x14ac:dyDescent="0.4">
      <c r="B99" s="28"/>
      <c r="C99" s="28"/>
      <c r="D99" s="9"/>
      <c r="E99" s="10"/>
      <c r="F99" s="9"/>
      <c r="G99" s="28"/>
      <c r="H99" s="28"/>
      <c r="I99" s="9"/>
    </row>
    <row r="100" spans="2:9" ht="18.75" customHeight="1" x14ac:dyDescent="0.4">
      <c r="B100" s="2" t="s">
        <v>53</v>
      </c>
      <c r="C100" s="2"/>
      <c r="D100" s="2"/>
      <c r="E100" s="2"/>
      <c r="F100" s="2"/>
      <c r="G100" s="2"/>
      <c r="H100" s="2"/>
      <c r="I100" s="2"/>
    </row>
    <row r="101" spans="2:9" ht="18.75" customHeight="1" x14ac:dyDescent="0.4">
      <c r="B101" s="20"/>
      <c r="C101" s="20"/>
      <c r="D101" s="20"/>
      <c r="E101" s="20"/>
      <c r="F101" s="20"/>
      <c r="G101" s="20"/>
      <c r="H101" s="20"/>
      <c r="I101" s="20"/>
    </row>
    <row r="102" spans="2:9" ht="18.75" customHeight="1" x14ac:dyDescent="0.4">
      <c r="B102" s="20"/>
      <c r="C102" s="20"/>
      <c r="D102" s="20"/>
      <c r="E102" s="20"/>
      <c r="F102" s="20"/>
      <c r="G102" s="20"/>
      <c r="H102" s="20"/>
      <c r="I102" s="20"/>
    </row>
    <row r="103" spans="2:9" ht="18.75" customHeight="1" x14ac:dyDescent="0.4">
      <c r="B103" s="20" t="s">
        <v>19</v>
      </c>
      <c r="C103" s="20"/>
      <c r="D103" s="20" t="s">
        <v>31</v>
      </c>
      <c r="E103" s="20" t="s">
        <v>5</v>
      </c>
      <c r="F103" s="20" t="s">
        <v>4</v>
      </c>
      <c r="G103" s="20" t="s">
        <v>6</v>
      </c>
      <c r="H103" s="20"/>
      <c r="I103" s="20" t="s">
        <v>20</v>
      </c>
    </row>
    <row r="104" spans="2:9" ht="18.75" customHeight="1" x14ac:dyDescent="0.4">
      <c r="B104" s="20"/>
      <c r="C104" s="20"/>
      <c r="D104" s="20"/>
      <c r="E104" s="20"/>
      <c r="F104" s="20"/>
      <c r="G104" s="20"/>
      <c r="H104" s="20"/>
      <c r="I104" s="20"/>
    </row>
    <row r="105" spans="2:9" ht="30" customHeight="1" x14ac:dyDescent="0.4">
      <c r="B105" s="19" t="s">
        <v>36</v>
      </c>
      <c r="C105" s="19"/>
      <c r="D105" s="7"/>
      <c r="E105" s="8"/>
      <c r="F105" s="4"/>
      <c r="G105" s="20"/>
      <c r="H105" s="20"/>
      <c r="I105" s="5"/>
    </row>
    <row r="106" spans="2:9" ht="30" customHeight="1" x14ac:dyDescent="0.4">
      <c r="B106" s="25" t="s">
        <v>45</v>
      </c>
      <c r="C106" s="25"/>
      <c r="D106" s="5"/>
      <c r="E106" s="8">
        <v>1</v>
      </c>
      <c r="F106" s="4" t="s">
        <v>13</v>
      </c>
      <c r="G106" s="20"/>
      <c r="H106" s="20"/>
      <c r="I106" s="5"/>
    </row>
    <row r="107" spans="2:9" ht="30" customHeight="1" x14ac:dyDescent="0.4">
      <c r="B107" s="17" t="s">
        <v>23</v>
      </c>
      <c r="C107" s="18"/>
      <c r="D107" s="5"/>
      <c r="E107" s="8"/>
      <c r="F107" s="4"/>
      <c r="G107" s="17"/>
      <c r="H107" s="18"/>
      <c r="I107" s="5"/>
    </row>
    <row r="108" spans="2:9" ht="30" customHeight="1" x14ac:dyDescent="0.4">
      <c r="B108" s="17"/>
      <c r="C108" s="18"/>
      <c r="D108" s="5"/>
      <c r="E108" s="8"/>
      <c r="F108" s="4"/>
      <c r="G108" s="17"/>
      <c r="H108" s="18"/>
      <c r="I108" s="5"/>
    </row>
    <row r="109" spans="2:9" ht="30" customHeight="1" x14ac:dyDescent="0.4">
      <c r="B109" s="22" t="s">
        <v>46</v>
      </c>
      <c r="C109" s="23"/>
      <c r="D109" s="5"/>
      <c r="E109" s="8">
        <v>1</v>
      </c>
      <c r="F109" s="4" t="s">
        <v>13</v>
      </c>
      <c r="G109" s="17"/>
      <c r="H109" s="18"/>
      <c r="I109" s="5"/>
    </row>
    <row r="110" spans="2:9" ht="30" customHeight="1" x14ac:dyDescent="0.4">
      <c r="B110" s="17" t="s">
        <v>23</v>
      </c>
      <c r="C110" s="18"/>
      <c r="D110" s="5"/>
      <c r="E110" s="8"/>
      <c r="F110" s="4"/>
      <c r="G110" s="17"/>
      <c r="H110" s="18"/>
      <c r="I110" s="5"/>
    </row>
    <row r="111" spans="2:9" ht="30" customHeight="1" x14ac:dyDescent="0.4">
      <c r="B111" s="25" t="s">
        <v>47</v>
      </c>
      <c r="C111" s="25"/>
      <c r="D111" s="5" t="s">
        <v>54</v>
      </c>
      <c r="E111" s="8">
        <v>1</v>
      </c>
      <c r="F111" s="4" t="s">
        <v>13</v>
      </c>
      <c r="G111" s="20"/>
      <c r="H111" s="20"/>
      <c r="I111" s="5"/>
    </row>
    <row r="112" spans="2:9" ht="30" customHeight="1" x14ac:dyDescent="0.4">
      <c r="B112" s="17"/>
      <c r="C112" s="18"/>
      <c r="D112" s="11" t="s">
        <v>55</v>
      </c>
      <c r="E112" s="8">
        <v>1</v>
      </c>
      <c r="F112" s="4" t="s">
        <v>13</v>
      </c>
      <c r="G112" s="17"/>
      <c r="H112" s="18"/>
      <c r="I112" s="5"/>
    </row>
    <row r="113" spans="2:9" ht="30" customHeight="1" x14ac:dyDescent="0.4">
      <c r="B113" s="17"/>
      <c r="C113" s="18"/>
      <c r="D113" s="12" t="s">
        <v>56</v>
      </c>
      <c r="E113" s="8">
        <v>1</v>
      </c>
      <c r="F113" s="4" t="s">
        <v>13</v>
      </c>
      <c r="G113" s="17"/>
      <c r="H113" s="18"/>
      <c r="I113" s="5"/>
    </row>
    <row r="114" spans="2:9" ht="30" customHeight="1" x14ac:dyDescent="0.4">
      <c r="B114" s="17" t="s">
        <v>23</v>
      </c>
      <c r="C114" s="18"/>
      <c r="D114" s="5"/>
      <c r="E114" s="8"/>
      <c r="F114" s="4"/>
      <c r="G114" s="17"/>
      <c r="H114" s="18"/>
      <c r="I114" s="5"/>
    </row>
    <row r="115" spans="2:9" ht="30" customHeight="1" x14ac:dyDescent="0.4">
      <c r="B115" s="17"/>
      <c r="C115" s="18"/>
      <c r="D115" s="5"/>
      <c r="E115" s="8"/>
      <c r="F115" s="4"/>
      <c r="G115" s="17"/>
      <c r="H115" s="18"/>
      <c r="I115" s="5"/>
    </row>
    <row r="116" spans="2:9" ht="30" customHeight="1" x14ac:dyDescent="0.4">
      <c r="B116" s="25" t="s">
        <v>48</v>
      </c>
      <c r="C116" s="25"/>
      <c r="D116" s="13" t="s">
        <v>57</v>
      </c>
      <c r="E116" s="8">
        <v>1</v>
      </c>
      <c r="F116" s="4" t="s">
        <v>13</v>
      </c>
      <c r="G116" s="20"/>
      <c r="H116" s="20"/>
      <c r="I116" s="5"/>
    </row>
    <row r="117" spans="2:9" ht="30" customHeight="1" x14ac:dyDescent="0.4">
      <c r="B117" s="17"/>
      <c r="C117" s="18"/>
      <c r="D117" s="11" t="s">
        <v>58</v>
      </c>
      <c r="E117" s="8">
        <v>1</v>
      </c>
      <c r="F117" s="4" t="s">
        <v>13</v>
      </c>
      <c r="G117" s="17"/>
      <c r="H117" s="18"/>
      <c r="I117" s="5"/>
    </row>
    <row r="118" spans="2:9" ht="30" customHeight="1" x14ac:dyDescent="0.4">
      <c r="B118" s="17"/>
      <c r="C118" s="18"/>
      <c r="D118" s="12" t="s">
        <v>59</v>
      </c>
      <c r="E118" s="8">
        <v>1</v>
      </c>
      <c r="F118" s="4" t="s">
        <v>13</v>
      </c>
      <c r="G118" s="17"/>
      <c r="H118" s="18"/>
      <c r="I118" s="5"/>
    </row>
    <row r="119" spans="2:9" ht="30" customHeight="1" x14ac:dyDescent="0.4">
      <c r="B119" s="17" t="s">
        <v>23</v>
      </c>
      <c r="C119" s="18"/>
      <c r="D119" s="5"/>
      <c r="E119" s="8"/>
      <c r="F119" s="4"/>
      <c r="G119" s="17"/>
      <c r="H119" s="18"/>
      <c r="I119" s="5"/>
    </row>
    <row r="120" spans="2:9" ht="30" customHeight="1" x14ac:dyDescent="0.4">
      <c r="B120" s="17"/>
      <c r="C120" s="18"/>
      <c r="D120" s="5"/>
      <c r="E120" s="8"/>
      <c r="F120" s="4"/>
      <c r="G120" s="17"/>
      <c r="H120" s="18"/>
      <c r="I120" s="5"/>
    </row>
    <row r="121" spans="2:9" ht="30" customHeight="1" x14ac:dyDescent="0.4">
      <c r="B121" s="25" t="s">
        <v>49</v>
      </c>
      <c r="C121" s="25"/>
      <c r="D121" s="13" t="s">
        <v>57</v>
      </c>
      <c r="E121" s="8">
        <v>1</v>
      </c>
      <c r="F121" s="4" t="s">
        <v>13</v>
      </c>
      <c r="G121" s="20"/>
      <c r="H121" s="20"/>
      <c r="I121" s="5"/>
    </row>
    <row r="122" spans="2:9" ht="30" customHeight="1" x14ac:dyDescent="0.4">
      <c r="B122" s="17"/>
      <c r="C122" s="18"/>
      <c r="D122" s="11" t="s">
        <v>58</v>
      </c>
      <c r="E122" s="8">
        <v>1</v>
      </c>
      <c r="F122" s="4" t="s">
        <v>13</v>
      </c>
      <c r="G122" s="17"/>
      <c r="H122" s="18"/>
      <c r="I122" s="5"/>
    </row>
    <row r="123" spans="2:9" ht="30" customHeight="1" x14ac:dyDescent="0.4">
      <c r="B123" s="17"/>
      <c r="C123" s="18"/>
      <c r="D123" s="12" t="s">
        <v>59</v>
      </c>
      <c r="E123" s="8">
        <v>1</v>
      </c>
      <c r="F123" s="4" t="s">
        <v>13</v>
      </c>
      <c r="G123" s="17"/>
      <c r="H123" s="18"/>
      <c r="I123" s="5"/>
    </row>
    <row r="124" spans="2:9" ht="30" customHeight="1" x14ac:dyDescent="0.4">
      <c r="B124" s="17" t="s">
        <v>23</v>
      </c>
      <c r="C124" s="18"/>
      <c r="D124" s="5"/>
      <c r="E124" s="8"/>
      <c r="F124" s="4"/>
      <c r="G124" s="17"/>
      <c r="H124" s="18"/>
      <c r="I124" s="5"/>
    </row>
    <row r="125" spans="2:9" ht="30" customHeight="1" x14ac:dyDescent="0.4">
      <c r="B125" s="17"/>
      <c r="C125" s="18"/>
      <c r="D125" s="5"/>
      <c r="E125" s="8"/>
      <c r="F125" s="4"/>
      <c r="G125" s="17"/>
      <c r="H125" s="18"/>
      <c r="I125" s="5"/>
    </row>
    <row r="126" spans="2:9" ht="30" customHeight="1" x14ac:dyDescent="0.4">
      <c r="B126" s="17" t="s">
        <v>7</v>
      </c>
      <c r="C126" s="18"/>
      <c r="D126" s="5"/>
      <c r="E126" s="8"/>
      <c r="F126" s="4"/>
      <c r="G126" s="17"/>
      <c r="H126" s="18"/>
      <c r="I126" s="5"/>
    </row>
    <row r="127" spans="2:9" ht="30" customHeight="1" x14ac:dyDescent="0.4">
      <c r="B127" s="22"/>
      <c r="C127" s="23"/>
      <c r="D127" s="5"/>
      <c r="E127" s="8"/>
      <c r="F127" s="4"/>
      <c r="G127" s="17"/>
      <c r="H127" s="18"/>
      <c r="I127" s="5"/>
    </row>
    <row r="128" spans="2:9" ht="30" customHeight="1" x14ac:dyDescent="0.4">
      <c r="B128" s="24"/>
      <c r="C128" s="24"/>
      <c r="D128" s="5"/>
      <c r="E128" s="8"/>
      <c r="F128" s="4"/>
      <c r="G128" s="20"/>
      <c r="H128" s="20"/>
      <c r="I128" s="5"/>
    </row>
    <row r="129" spans="2:9" ht="30" customHeight="1" x14ac:dyDescent="0.4">
      <c r="B129" s="20"/>
      <c r="C129" s="20"/>
      <c r="D129" s="5"/>
      <c r="E129" s="8"/>
      <c r="F129" s="4"/>
      <c r="G129" s="20"/>
      <c r="H129" s="20"/>
      <c r="I129" s="5"/>
    </row>
    <row r="130" spans="2:9" ht="30" customHeight="1" x14ac:dyDescent="0.4">
      <c r="B130" s="20"/>
      <c r="C130" s="20"/>
      <c r="D130" s="5"/>
      <c r="E130" s="8"/>
      <c r="F130" s="5"/>
      <c r="G130" s="20"/>
      <c r="H130" s="20"/>
      <c r="I130" s="5"/>
    </row>
    <row r="131" spans="2:9" ht="30" customHeight="1" x14ac:dyDescent="0.4">
      <c r="B131" s="20"/>
      <c r="C131" s="20"/>
      <c r="D131" s="5"/>
      <c r="E131" s="8"/>
      <c r="F131" s="5"/>
      <c r="G131" s="20"/>
      <c r="H131" s="20"/>
      <c r="I131" s="5"/>
    </row>
    <row r="132" spans="2:9" ht="30" customHeight="1" x14ac:dyDescent="0.4">
      <c r="B132" s="20"/>
      <c r="C132" s="20"/>
      <c r="D132" s="5"/>
      <c r="E132" s="8"/>
      <c r="F132" s="5"/>
      <c r="G132" s="20"/>
      <c r="H132" s="20"/>
      <c r="I132" s="5"/>
    </row>
    <row r="133" spans="2:9" x14ac:dyDescent="0.4">
      <c r="B133" s="20"/>
      <c r="C133" s="20"/>
      <c r="D133" s="5"/>
      <c r="E133" s="8"/>
      <c r="F133" s="5"/>
      <c r="G133" s="20"/>
      <c r="H133" s="20"/>
      <c r="I133" s="5"/>
    </row>
    <row r="134" spans="2:9" x14ac:dyDescent="0.4">
      <c r="B134" s="26"/>
      <c r="C134" s="26"/>
      <c r="D134" s="14"/>
      <c r="E134" s="15"/>
      <c r="F134" s="14"/>
      <c r="G134" s="26"/>
      <c r="H134" s="26"/>
      <c r="I134" s="14"/>
    </row>
    <row r="135" spans="2:9" ht="30" customHeight="1" x14ac:dyDescent="0.4">
      <c r="B135" s="27"/>
      <c r="C135" s="27"/>
      <c r="D135" s="6"/>
      <c r="E135" s="16"/>
      <c r="F135" s="6"/>
      <c r="G135" s="27"/>
      <c r="H135" s="27"/>
      <c r="I135" s="6"/>
    </row>
    <row r="136" spans="2:9" ht="18.75" customHeight="1" x14ac:dyDescent="0.4">
      <c r="B136" s="2" t="s">
        <v>60</v>
      </c>
      <c r="C136" s="2"/>
      <c r="D136" s="2"/>
      <c r="E136" s="2"/>
      <c r="F136" s="2"/>
      <c r="G136" s="2"/>
      <c r="H136" s="2"/>
      <c r="I136" s="2"/>
    </row>
    <row r="137" spans="2:9" ht="18.75" customHeight="1" x14ac:dyDescent="0.4">
      <c r="B137" s="20"/>
      <c r="C137" s="20"/>
      <c r="D137" s="20"/>
      <c r="E137" s="20"/>
      <c r="F137" s="20"/>
      <c r="G137" s="20"/>
      <c r="H137" s="20"/>
      <c r="I137" s="20"/>
    </row>
    <row r="138" spans="2:9" ht="18.75" customHeight="1" x14ac:dyDescent="0.4">
      <c r="B138" s="20"/>
      <c r="C138" s="20"/>
      <c r="D138" s="20"/>
      <c r="E138" s="20"/>
      <c r="F138" s="20"/>
      <c r="G138" s="20"/>
      <c r="H138" s="20"/>
      <c r="I138" s="20"/>
    </row>
    <row r="139" spans="2:9" ht="18.75" customHeight="1" x14ac:dyDescent="0.4">
      <c r="B139" s="20" t="s">
        <v>19</v>
      </c>
      <c r="C139" s="20"/>
      <c r="D139" s="20" t="s">
        <v>31</v>
      </c>
      <c r="E139" s="20" t="s">
        <v>5</v>
      </c>
      <c r="F139" s="20" t="s">
        <v>4</v>
      </c>
      <c r="G139" s="20" t="s">
        <v>6</v>
      </c>
      <c r="H139" s="20"/>
      <c r="I139" s="20" t="s">
        <v>20</v>
      </c>
    </row>
    <row r="140" spans="2:9" x14ac:dyDescent="0.4">
      <c r="B140" s="20"/>
      <c r="C140" s="20"/>
      <c r="D140" s="20"/>
      <c r="E140" s="20"/>
      <c r="F140" s="20"/>
      <c r="G140" s="20"/>
      <c r="H140" s="20"/>
      <c r="I140" s="20"/>
    </row>
    <row r="141" spans="2:9" x14ac:dyDescent="0.4">
      <c r="B141" s="19" t="s">
        <v>45</v>
      </c>
      <c r="C141" s="19"/>
      <c r="D141" s="7"/>
      <c r="E141" s="8">
        <v>1</v>
      </c>
      <c r="F141" s="4" t="s">
        <v>13</v>
      </c>
      <c r="G141" s="17"/>
      <c r="H141" s="18"/>
      <c r="I141" s="5"/>
    </row>
    <row r="142" spans="2:9" x14ac:dyDescent="0.4">
      <c r="B142" s="25" t="s">
        <v>61</v>
      </c>
      <c r="C142" s="25"/>
      <c r="D142" s="5"/>
      <c r="E142" s="8">
        <v>1</v>
      </c>
      <c r="F142" s="4" t="s">
        <v>13</v>
      </c>
      <c r="G142" s="17"/>
      <c r="H142" s="18"/>
      <c r="I142" s="5"/>
    </row>
    <row r="143" spans="2:9" x14ac:dyDescent="0.4">
      <c r="B143" s="22" t="s">
        <v>62</v>
      </c>
      <c r="C143" s="23"/>
      <c r="D143" s="5"/>
      <c r="E143" s="8">
        <v>1</v>
      </c>
      <c r="F143" s="4" t="s">
        <v>13</v>
      </c>
      <c r="G143" s="17"/>
      <c r="H143" s="18"/>
      <c r="I143" s="5"/>
    </row>
    <row r="144" spans="2:9" x14ac:dyDescent="0.4">
      <c r="B144" s="22" t="s">
        <v>63</v>
      </c>
      <c r="C144" s="23"/>
      <c r="D144" s="5"/>
      <c r="E144" s="8">
        <v>1</v>
      </c>
      <c r="F144" s="4" t="s">
        <v>13</v>
      </c>
      <c r="G144" s="17"/>
      <c r="H144" s="18"/>
      <c r="I144" s="5"/>
    </row>
    <row r="145" spans="2:9" x14ac:dyDescent="0.4">
      <c r="B145" s="22" t="s">
        <v>64</v>
      </c>
      <c r="C145" s="23"/>
      <c r="D145" s="5"/>
      <c r="E145" s="8">
        <v>1</v>
      </c>
      <c r="F145" s="4" t="s">
        <v>13</v>
      </c>
      <c r="G145" s="17"/>
      <c r="H145" s="18"/>
      <c r="I145" s="5"/>
    </row>
    <row r="146" spans="2:9" x14ac:dyDescent="0.4">
      <c r="B146" s="22" t="s">
        <v>65</v>
      </c>
      <c r="C146" s="23"/>
      <c r="D146" s="5"/>
      <c r="E146" s="8">
        <v>1</v>
      </c>
      <c r="F146" s="4" t="s">
        <v>13</v>
      </c>
      <c r="G146" s="17"/>
      <c r="H146" s="18"/>
      <c r="I146" s="5"/>
    </row>
    <row r="147" spans="2:9" x14ac:dyDescent="0.4">
      <c r="B147" s="25" t="s">
        <v>66</v>
      </c>
      <c r="C147" s="25"/>
      <c r="D147" s="5"/>
      <c r="E147" s="8">
        <v>1</v>
      </c>
      <c r="F147" s="4" t="s">
        <v>13</v>
      </c>
      <c r="G147" s="17"/>
      <c r="H147" s="18"/>
      <c r="I147" s="5"/>
    </row>
    <row r="148" spans="2:9" x14ac:dyDescent="0.4">
      <c r="B148" s="22" t="s">
        <v>67</v>
      </c>
      <c r="C148" s="23"/>
      <c r="D148" s="11"/>
      <c r="E148" s="8">
        <v>1</v>
      </c>
      <c r="F148" s="4" t="s">
        <v>13</v>
      </c>
      <c r="G148" s="17"/>
      <c r="H148" s="18"/>
      <c r="I148" s="5"/>
    </row>
    <row r="149" spans="2:9" x14ac:dyDescent="0.4">
      <c r="B149" s="22" t="s">
        <v>68</v>
      </c>
      <c r="C149" s="23"/>
      <c r="D149" s="12"/>
      <c r="E149" s="8">
        <v>1</v>
      </c>
      <c r="F149" s="4" t="s">
        <v>13</v>
      </c>
      <c r="G149" s="17"/>
      <c r="H149" s="18"/>
      <c r="I149" s="5"/>
    </row>
    <row r="150" spans="2:9" x14ac:dyDescent="0.4">
      <c r="B150" s="22" t="s">
        <v>69</v>
      </c>
      <c r="C150" s="23"/>
      <c r="D150" s="5"/>
      <c r="E150" s="8">
        <v>1</v>
      </c>
      <c r="F150" s="4" t="s">
        <v>13</v>
      </c>
      <c r="G150" s="17"/>
      <c r="H150" s="18"/>
      <c r="I150" s="5"/>
    </row>
    <row r="151" spans="2:9" x14ac:dyDescent="0.4">
      <c r="B151" s="22" t="s">
        <v>70</v>
      </c>
      <c r="C151" s="23"/>
      <c r="D151" s="5"/>
      <c r="E151" s="8">
        <v>1</v>
      </c>
      <c r="F151" s="4" t="s">
        <v>13</v>
      </c>
      <c r="G151" s="17"/>
      <c r="H151" s="18"/>
      <c r="I151" s="5"/>
    </row>
    <row r="152" spans="2:9" x14ac:dyDescent="0.4">
      <c r="B152" s="20" t="s">
        <v>23</v>
      </c>
      <c r="C152" s="20"/>
      <c r="D152" s="13"/>
      <c r="E152" s="8"/>
      <c r="F152" s="4"/>
      <c r="G152" s="17"/>
      <c r="H152" s="18"/>
      <c r="I152" s="5"/>
    </row>
    <row r="153" spans="2:9" x14ac:dyDescent="0.4">
      <c r="B153" s="17"/>
      <c r="C153" s="18"/>
      <c r="D153" s="11"/>
      <c r="E153" s="8"/>
      <c r="F153" s="4"/>
      <c r="G153" s="17"/>
      <c r="H153" s="18"/>
      <c r="I153" s="5"/>
    </row>
    <row r="154" spans="2:9" x14ac:dyDescent="0.4">
      <c r="B154" s="17" t="s">
        <v>7</v>
      </c>
      <c r="C154" s="18"/>
      <c r="D154" s="12"/>
      <c r="E154" s="8"/>
      <c r="F154" s="4"/>
      <c r="G154" s="17"/>
      <c r="H154" s="18"/>
      <c r="I154" s="5"/>
    </row>
    <row r="155" spans="2:9" x14ac:dyDescent="0.4">
      <c r="B155" s="20"/>
      <c r="C155" s="20"/>
      <c r="D155" s="5"/>
      <c r="E155" s="8"/>
      <c r="F155" s="4"/>
      <c r="G155" s="17"/>
      <c r="H155" s="18"/>
      <c r="I155" s="5"/>
    </row>
    <row r="156" spans="2:9" x14ac:dyDescent="0.4">
      <c r="B156" s="17"/>
      <c r="C156" s="18"/>
      <c r="D156" s="5"/>
      <c r="E156" s="8"/>
      <c r="F156" s="4"/>
      <c r="G156" s="17"/>
      <c r="H156" s="18"/>
      <c r="I156" s="5"/>
    </row>
    <row r="157" spans="2:9" x14ac:dyDescent="0.4">
      <c r="B157" s="25"/>
      <c r="C157" s="25"/>
      <c r="D157" s="13"/>
      <c r="E157" s="8"/>
      <c r="F157" s="4"/>
      <c r="G157" s="17"/>
      <c r="H157" s="18"/>
      <c r="I157" s="5"/>
    </row>
    <row r="158" spans="2:9" x14ac:dyDescent="0.4">
      <c r="B158" s="17"/>
      <c r="C158" s="18"/>
      <c r="D158" s="11"/>
      <c r="E158" s="8"/>
      <c r="F158" s="4"/>
      <c r="G158" s="17"/>
      <c r="H158" s="18"/>
      <c r="I158" s="5"/>
    </row>
    <row r="159" spans="2:9" x14ac:dyDescent="0.4">
      <c r="B159" s="17"/>
      <c r="C159" s="18"/>
      <c r="D159" s="12"/>
      <c r="E159" s="8"/>
      <c r="F159" s="4"/>
      <c r="G159" s="17"/>
      <c r="H159" s="18"/>
      <c r="I159" s="5"/>
    </row>
    <row r="160" spans="2:9" x14ac:dyDescent="0.4">
      <c r="B160" s="17"/>
      <c r="C160" s="18"/>
      <c r="D160" s="5"/>
      <c r="E160" s="8"/>
      <c r="F160" s="4"/>
      <c r="G160" s="17"/>
      <c r="H160" s="18"/>
      <c r="I160" s="5"/>
    </row>
    <row r="161" spans="2:9" x14ac:dyDescent="0.4">
      <c r="B161" s="17"/>
      <c r="C161" s="18"/>
      <c r="D161" s="5"/>
      <c r="E161" s="8"/>
      <c r="F161" s="4"/>
      <c r="G161" s="17"/>
      <c r="H161" s="18"/>
      <c r="I161" s="5"/>
    </row>
    <row r="162" spans="2:9" x14ac:dyDescent="0.4">
      <c r="B162" s="17"/>
      <c r="C162" s="18"/>
      <c r="D162" s="5"/>
      <c r="E162" s="8"/>
      <c r="F162" s="4"/>
      <c r="G162" s="17"/>
      <c r="H162" s="18"/>
      <c r="I162" s="5"/>
    </row>
    <row r="163" spans="2:9" x14ac:dyDescent="0.4">
      <c r="B163" s="22"/>
      <c r="C163" s="23"/>
      <c r="D163" s="5"/>
      <c r="E163" s="8"/>
      <c r="F163" s="4"/>
      <c r="G163" s="17"/>
      <c r="H163" s="18"/>
      <c r="I163" s="5"/>
    </row>
    <row r="164" spans="2:9" x14ac:dyDescent="0.4">
      <c r="B164" s="24"/>
      <c r="C164" s="24"/>
      <c r="D164" s="5"/>
      <c r="E164" s="8"/>
      <c r="F164" s="4"/>
      <c r="G164" s="17"/>
      <c r="H164" s="18"/>
      <c r="I164" s="5"/>
    </row>
    <row r="165" spans="2:9" x14ac:dyDescent="0.4">
      <c r="B165" s="20"/>
      <c r="C165" s="20"/>
      <c r="D165" s="5"/>
      <c r="E165" s="8"/>
      <c r="F165" s="4"/>
      <c r="G165" s="17"/>
      <c r="H165" s="18"/>
      <c r="I165" s="5"/>
    </row>
    <row r="166" spans="2:9" x14ac:dyDescent="0.4">
      <c r="B166" s="20"/>
      <c r="C166" s="20"/>
      <c r="D166" s="5"/>
      <c r="E166" s="8"/>
      <c r="F166" s="5"/>
      <c r="G166" s="17"/>
      <c r="H166" s="18"/>
      <c r="I166" s="5"/>
    </row>
    <row r="167" spans="2:9" x14ac:dyDescent="0.4">
      <c r="B167" s="20"/>
      <c r="C167" s="20"/>
      <c r="D167" s="5"/>
      <c r="E167" s="8"/>
      <c r="F167" s="5"/>
      <c r="G167" s="17"/>
      <c r="H167" s="18"/>
      <c r="I167" s="5"/>
    </row>
    <row r="168" spans="2:9" x14ac:dyDescent="0.4">
      <c r="B168" s="20"/>
      <c r="C168" s="20"/>
      <c r="D168" s="5"/>
      <c r="E168" s="8"/>
      <c r="F168" s="5"/>
      <c r="G168" s="17"/>
      <c r="H168" s="18"/>
      <c r="I168" s="5"/>
    </row>
    <row r="169" spans="2:9" x14ac:dyDescent="0.4">
      <c r="B169" s="20"/>
      <c r="C169" s="20"/>
      <c r="D169" s="5"/>
      <c r="E169" s="8"/>
      <c r="F169" s="5"/>
      <c r="G169" s="20"/>
      <c r="H169" s="20"/>
      <c r="I169" s="5"/>
    </row>
    <row r="170" spans="2:9" x14ac:dyDescent="0.4">
      <c r="B170" s="20"/>
      <c r="C170" s="20"/>
      <c r="D170" s="5"/>
      <c r="E170" s="8"/>
      <c r="F170" s="5"/>
      <c r="G170" s="20"/>
      <c r="H170" s="20"/>
      <c r="I170" s="5"/>
    </row>
  </sheetData>
  <mergeCells count="315">
    <mergeCell ref="B18:C18"/>
    <mergeCell ref="F18:G18"/>
    <mergeCell ref="H18:I18"/>
    <mergeCell ref="B19:C19"/>
    <mergeCell ref="C8:H9"/>
    <mergeCell ref="B14:I15"/>
    <mergeCell ref="B16:C17"/>
    <mergeCell ref="D16:D17"/>
    <mergeCell ref="E16:E17"/>
    <mergeCell ref="F16:G17"/>
    <mergeCell ref="H16:I17"/>
    <mergeCell ref="B22:C22"/>
    <mergeCell ref="F22:G22"/>
    <mergeCell ref="H22:I22"/>
    <mergeCell ref="B23:C23"/>
    <mergeCell ref="F23:G23"/>
    <mergeCell ref="H23:I23"/>
    <mergeCell ref="F19:G19"/>
    <mergeCell ref="H19:I19"/>
    <mergeCell ref="B20:C20"/>
    <mergeCell ref="F20:G20"/>
    <mergeCell ref="H20:I20"/>
    <mergeCell ref="B21:C21"/>
    <mergeCell ref="F21:G21"/>
    <mergeCell ref="H21:I21"/>
    <mergeCell ref="B26:C26"/>
    <mergeCell ref="F26:G26"/>
    <mergeCell ref="H26:I26"/>
    <mergeCell ref="B27:C27"/>
    <mergeCell ref="F27:G27"/>
    <mergeCell ref="H27:I27"/>
    <mergeCell ref="B24:C24"/>
    <mergeCell ref="F24:G24"/>
    <mergeCell ref="H24:I24"/>
    <mergeCell ref="B25:C25"/>
    <mergeCell ref="F25:G25"/>
    <mergeCell ref="H25:I25"/>
    <mergeCell ref="B30:C30"/>
    <mergeCell ref="F30:G30"/>
    <mergeCell ref="H30:I30"/>
    <mergeCell ref="B31:C31"/>
    <mergeCell ref="F31:G31"/>
    <mergeCell ref="H31:I31"/>
    <mergeCell ref="B28:C28"/>
    <mergeCell ref="F28:G28"/>
    <mergeCell ref="H28:I28"/>
    <mergeCell ref="B29:C29"/>
    <mergeCell ref="F29:G29"/>
    <mergeCell ref="H29:I29"/>
    <mergeCell ref="B37:C38"/>
    <mergeCell ref="D37:D38"/>
    <mergeCell ref="E37:E38"/>
    <mergeCell ref="I37:I38"/>
    <mergeCell ref="G37:H38"/>
    <mergeCell ref="F37:F38"/>
    <mergeCell ref="B35:I36"/>
    <mergeCell ref="B32:C32"/>
    <mergeCell ref="F32:G32"/>
    <mergeCell ref="H32:I32"/>
    <mergeCell ref="B33:C33"/>
    <mergeCell ref="F33:G33"/>
    <mergeCell ref="H33:I33"/>
    <mergeCell ref="B42:C42"/>
    <mergeCell ref="G42:H42"/>
    <mergeCell ref="B43:C43"/>
    <mergeCell ref="G43:H43"/>
    <mergeCell ref="B44:C44"/>
    <mergeCell ref="G44:H44"/>
    <mergeCell ref="B39:C39"/>
    <mergeCell ref="G39:H39"/>
    <mergeCell ref="B40:C40"/>
    <mergeCell ref="G40:H40"/>
    <mergeCell ref="B41:C41"/>
    <mergeCell ref="G41:H41"/>
    <mergeCell ref="B48:C48"/>
    <mergeCell ref="G48:H48"/>
    <mergeCell ref="B49:C49"/>
    <mergeCell ref="G49:H49"/>
    <mergeCell ref="B50:C50"/>
    <mergeCell ref="G50:H50"/>
    <mergeCell ref="B45:C45"/>
    <mergeCell ref="G45:H45"/>
    <mergeCell ref="B46:C46"/>
    <mergeCell ref="G46:H46"/>
    <mergeCell ref="B47:C47"/>
    <mergeCell ref="G47:H47"/>
    <mergeCell ref="B54:C54"/>
    <mergeCell ref="G54:H54"/>
    <mergeCell ref="B55:C55"/>
    <mergeCell ref="G55:H55"/>
    <mergeCell ref="B56:C56"/>
    <mergeCell ref="G56:H56"/>
    <mergeCell ref="B51:C51"/>
    <mergeCell ref="G51:H51"/>
    <mergeCell ref="B52:C52"/>
    <mergeCell ref="G52:H52"/>
    <mergeCell ref="B53:C53"/>
    <mergeCell ref="G53:H53"/>
    <mergeCell ref="B60:C60"/>
    <mergeCell ref="G60:H60"/>
    <mergeCell ref="B61:C61"/>
    <mergeCell ref="G61:H61"/>
    <mergeCell ref="B62:C62"/>
    <mergeCell ref="G62:H62"/>
    <mergeCell ref="B57:C57"/>
    <mergeCell ref="G57:H57"/>
    <mergeCell ref="B58:C58"/>
    <mergeCell ref="G58:H58"/>
    <mergeCell ref="B59:C59"/>
    <mergeCell ref="G59:H59"/>
    <mergeCell ref="B63:C63"/>
    <mergeCell ref="G63:H63"/>
    <mergeCell ref="B66:I67"/>
    <mergeCell ref="B68:C69"/>
    <mergeCell ref="D68:D69"/>
    <mergeCell ref="E68:E69"/>
    <mergeCell ref="F68:F69"/>
    <mergeCell ref="G68:H69"/>
    <mergeCell ref="I68:I69"/>
    <mergeCell ref="B72:C72"/>
    <mergeCell ref="G72:H72"/>
    <mergeCell ref="B73:C73"/>
    <mergeCell ref="G73:H73"/>
    <mergeCell ref="B74:C74"/>
    <mergeCell ref="G74:H74"/>
    <mergeCell ref="B70:C70"/>
    <mergeCell ref="G70:H70"/>
    <mergeCell ref="B71:C71"/>
    <mergeCell ref="G71:H71"/>
    <mergeCell ref="B78:C78"/>
    <mergeCell ref="G78:H78"/>
    <mergeCell ref="B79:C79"/>
    <mergeCell ref="G79:H79"/>
    <mergeCell ref="B80:C80"/>
    <mergeCell ref="G80:H80"/>
    <mergeCell ref="B75:C75"/>
    <mergeCell ref="G75:H75"/>
    <mergeCell ref="B76:C76"/>
    <mergeCell ref="G76:H76"/>
    <mergeCell ref="B77:C77"/>
    <mergeCell ref="G77:H77"/>
    <mergeCell ref="B84:C84"/>
    <mergeCell ref="G84:H84"/>
    <mergeCell ref="B85:C85"/>
    <mergeCell ref="G85:H85"/>
    <mergeCell ref="B86:C86"/>
    <mergeCell ref="G86:H86"/>
    <mergeCell ref="B81:C81"/>
    <mergeCell ref="G81:H81"/>
    <mergeCell ref="B82:C82"/>
    <mergeCell ref="G82:H82"/>
    <mergeCell ref="B83:C83"/>
    <mergeCell ref="G83:H83"/>
    <mergeCell ref="B90:C90"/>
    <mergeCell ref="G90:H90"/>
    <mergeCell ref="B91:C91"/>
    <mergeCell ref="G91:H91"/>
    <mergeCell ref="B87:C87"/>
    <mergeCell ref="G87:H87"/>
    <mergeCell ref="B88:C88"/>
    <mergeCell ref="G88:H88"/>
    <mergeCell ref="B89:C89"/>
    <mergeCell ref="G89:H89"/>
    <mergeCell ref="B95:C95"/>
    <mergeCell ref="G95:H95"/>
    <mergeCell ref="B96:C96"/>
    <mergeCell ref="G96:H96"/>
    <mergeCell ref="B97:C97"/>
    <mergeCell ref="G97:H97"/>
    <mergeCell ref="B92:C92"/>
    <mergeCell ref="G92:H92"/>
    <mergeCell ref="B93:C93"/>
    <mergeCell ref="G93:H93"/>
    <mergeCell ref="B94:C94"/>
    <mergeCell ref="G94:H94"/>
    <mergeCell ref="I103:I104"/>
    <mergeCell ref="B105:C105"/>
    <mergeCell ref="G105:H105"/>
    <mergeCell ref="B106:C106"/>
    <mergeCell ref="G106:H106"/>
    <mergeCell ref="B98:C98"/>
    <mergeCell ref="G98:H98"/>
    <mergeCell ref="B99:C99"/>
    <mergeCell ref="G99:H99"/>
    <mergeCell ref="B101:I102"/>
    <mergeCell ref="B103:C104"/>
    <mergeCell ref="D103:D104"/>
    <mergeCell ref="E103:E104"/>
    <mergeCell ref="F103:F104"/>
    <mergeCell ref="G103:H104"/>
    <mergeCell ref="B111:C111"/>
    <mergeCell ref="G111:H111"/>
    <mergeCell ref="B116:C116"/>
    <mergeCell ref="G116:H116"/>
    <mergeCell ref="B121:C121"/>
    <mergeCell ref="G121:H121"/>
    <mergeCell ref="B119:C119"/>
    <mergeCell ref="G119:H119"/>
    <mergeCell ref="B120:C120"/>
    <mergeCell ref="G120:H120"/>
    <mergeCell ref="B107:C107"/>
    <mergeCell ref="G107:H107"/>
    <mergeCell ref="B110:C110"/>
    <mergeCell ref="G110:H110"/>
    <mergeCell ref="B108:C108"/>
    <mergeCell ref="G108:H108"/>
    <mergeCell ref="B142:C142"/>
    <mergeCell ref="G142:H142"/>
    <mergeCell ref="B143:C143"/>
    <mergeCell ref="G143:H143"/>
    <mergeCell ref="G109:H109"/>
    <mergeCell ref="B109:C109"/>
    <mergeCell ref="B114:C114"/>
    <mergeCell ref="G114:H114"/>
    <mergeCell ref="B115:C115"/>
    <mergeCell ref="G115:H115"/>
    <mergeCell ref="B141:C141"/>
    <mergeCell ref="G141:H141"/>
    <mergeCell ref="B133:C133"/>
    <mergeCell ref="G133:H133"/>
    <mergeCell ref="B134:C134"/>
    <mergeCell ref="G134:H134"/>
    <mergeCell ref="B135:C135"/>
    <mergeCell ref="G135:H135"/>
    <mergeCell ref="B112:C112"/>
    <mergeCell ref="G112:H112"/>
    <mergeCell ref="B117:C117"/>
    <mergeCell ref="G117:H117"/>
    <mergeCell ref="B124:C124"/>
    <mergeCell ref="G124:H124"/>
    <mergeCell ref="B125:C125"/>
    <mergeCell ref="G125:H125"/>
    <mergeCell ref="B113:C113"/>
    <mergeCell ref="G113:H113"/>
    <mergeCell ref="B118:C118"/>
    <mergeCell ref="G118:H118"/>
    <mergeCell ref="B122:C122"/>
    <mergeCell ref="G122:H122"/>
    <mergeCell ref="B123:C123"/>
    <mergeCell ref="G123:H123"/>
    <mergeCell ref="B137:I138"/>
    <mergeCell ref="B139:C140"/>
    <mergeCell ref="D139:D140"/>
    <mergeCell ref="E139:E140"/>
    <mergeCell ref="F139:F140"/>
    <mergeCell ref="G139:H140"/>
    <mergeCell ref="I139:I140"/>
    <mergeCell ref="B130:C130"/>
    <mergeCell ref="G130:H130"/>
    <mergeCell ref="B131:C131"/>
    <mergeCell ref="G131:H131"/>
    <mergeCell ref="B132:C132"/>
    <mergeCell ref="G132:H132"/>
    <mergeCell ref="B128:C128"/>
    <mergeCell ref="G128:H128"/>
    <mergeCell ref="B129:C129"/>
    <mergeCell ref="G129:H129"/>
    <mergeCell ref="B126:C126"/>
    <mergeCell ref="G126:H126"/>
    <mergeCell ref="B127:C127"/>
    <mergeCell ref="G127:H127"/>
    <mergeCell ref="B147:C147"/>
    <mergeCell ref="G147:H147"/>
    <mergeCell ref="B148:C148"/>
    <mergeCell ref="G148:H148"/>
    <mergeCell ref="B149:C149"/>
    <mergeCell ref="G149:H149"/>
    <mergeCell ref="B144:C144"/>
    <mergeCell ref="G144:H144"/>
    <mergeCell ref="B145:C145"/>
    <mergeCell ref="G145:H145"/>
    <mergeCell ref="B146:C146"/>
    <mergeCell ref="G146:H146"/>
    <mergeCell ref="B153:C153"/>
    <mergeCell ref="G153:H153"/>
    <mergeCell ref="B154:C154"/>
    <mergeCell ref="G154:H154"/>
    <mergeCell ref="G155:H155"/>
    <mergeCell ref="B155:C155"/>
    <mergeCell ref="B150:C150"/>
    <mergeCell ref="G150:H150"/>
    <mergeCell ref="B151:C151"/>
    <mergeCell ref="G151:H151"/>
    <mergeCell ref="B152:C152"/>
    <mergeCell ref="G152:H152"/>
    <mergeCell ref="B162:C162"/>
    <mergeCell ref="B163:C163"/>
    <mergeCell ref="B164:C164"/>
    <mergeCell ref="B159:C159"/>
    <mergeCell ref="B160:C160"/>
    <mergeCell ref="B161:C161"/>
    <mergeCell ref="B156:C156"/>
    <mergeCell ref="G156:H156"/>
    <mergeCell ref="B157:C157"/>
    <mergeCell ref="G157:H157"/>
    <mergeCell ref="B158:C158"/>
    <mergeCell ref="G158:H158"/>
    <mergeCell ref="B168:C168"/>
    <mergeCell ref="G168:H168"/>
    <mergeCell ref="B169:C169"/>
    <mergeCell ref="G169:H169"/>
    <mergeCell ref="B170:C170"/>
    <mergeCell ref="G170:H170"/>
    <mergeCell ref="B165:C165"/>
    <mergeCell ref="B166:C166"/>
    <mergeCell ref="B167:C167"/>
    <mergeCell ref="G165:H165"/>
    <mergeCell ref="G166:H166"/>
    <mergeCell ref="G167:H167"/>
    <mergeCell ref="G159:H159"/>
    <mergeCell ref="G160:H160"/>
    <mergeCell ref="G161:H161"/>
    <mergeCell ref="G162:H162"/>
    <mergeCell ref="G163:H163"/>
    <mergeCell ref="G164:H164"/>
  </mergeCells>
  <phoneticPr fontId="1"/>
  <pageMargins left="0.7" right="0.7" top="0.75" bottom="0.75" header="0.3" footer="0.3"/>
  <pageSetup paperSize="9" scale="73" orientation="portrait" r:id="rId1"/>
  <rowBreaks count="2" manualBreakCount="2">
    <brk id="32" max="16383" man="1"/>
    <brk id="63" max="9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建築工事</vt:lpstr>
      <vt:lpstr>建築工事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上原　幸太</dc:creator>
  <cp:lastModifiedBy>上原　幸太</cp:lastModifiedBy>
  <cp:lastPrinted>2026-04-01T06:59:54Z</cp:lastPrinted>
  <dcterms:created xsi:type="dcterms:W3CDTF">2025-11-20T08:08:10Z</dcterms:created>
  <dcterms:modified xsi:type="dcterms:W3CDTF">2026-04-01T07:03:33Z</dcterms:modified>
</cp:coreProperties>
</file>